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8" r:id="rId3"/>
    <p:sldId id="270" r:id="rId4"/>
    <p:sldId id="257" r:id="rId5"/>
    <p:sldId id="271" r:id="rId6"/>
    <p:sldId id="259" r:id="rId7"/>
    <p:sldId id="269" r:id="rId8"/>
    <p:sldId id="262" r:id="rId9"/>
    <p:sldId id="260" r:id="rId10"/>
    <p:sldId id="268" r:id="rId11"/>
    <p:sldId id="265" r:id="rId12"/>
    <p:sldId id="267" r:id="rId13"/>
    <p:sldId id="261" r:id="rId14"/>
    <p:sldId id="266" r:id="rId15"/>
    <p:sldId id="272" r:id="rId16"/>
    <p:sldId id="273" r:id="rId17"/>
    <p:sldId id="274" r:id="rId18"/>
    <p:sldId id="275" r:id="rId19"/>
    <p:sldId id="263" r:id="rId20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A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65" d="100"/>
          <a:sy n="65" d="100"/>
        </p:scale>
        <p:origin x="-654" y="-9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/>
          <a:lstStyle/>
          <a:p>
            <a:pPr>
              <a:defRPr u="sng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pPr>
            <a:r>
              <a:rPr lang="en-US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pic  Weightage</a:t>
            </a:r>
            <a:endParaRPr lang="en-US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c:rich>
      </c:tx>
      <c:layout>
        <c:manualLayout>
          <c:xMode val="edge"/>
          <c:yMode val="edge"/>
          <c:x val="0.26493554520472623"/>
          <c:y val="1.5742786828617659E-2"/>
        </c:manualLayout>
      </c:layout>
      <c:overlay val="0"/>
    </c:title>
    <c:autoTitleDeleted val="0"/>
    <c:plotArea>
      <c:layout/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Weightage</c:v>
                </c:pt>
              </c:strCache>
            </c:strRef>
          </c:tx>
          <c:explosion val="25"/>
          <c:dPt>
            <c:idx val="0"/>
            <c:bubble3D val="0"/>
            <c:spPr>
              <a:solidFill>
                <a:srgbClr val="C00000"/>
              </a:solidFill>
            </c:spPr>
          </c:dPt>
          <c:dPt>
            <c:idx val="1"/>
            <c:bubble3D val="0"/>
            <c:spPr>
              <a:solidFill>
                <a:srgbClr val="002060"/>
              </a:solidFill>
            </c:spPr>
          </c:dPt>
          <c:dPt>
            <c:idx val="2"/>
            <c:bubble3D val="0"/>
            <c:spPr>
              <a:solidFill>
                <a:schemeClr val="accent6">
                  <a:lumMod val="75000"/>
                </a:schemeClr>
              </a:solidFill>
            </c:spPr>
          </c:dPt>
          <c:dPt>
            <c:idx val="8"/>
            <c:bubble3D val="0"/>
            <c:spPr>
              <a:solidFill>
                <a:srgbClr val="00B050"/>
              </a:solidFill>
            </c:spPr>
          </c:dPt>
          <c:dLbls>
            <c:spPr>
              <a:solidFill>
                <a:schemeClr val="bg1"/>
              </a:solidFill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1"/>
          </c:dLbls>
          <c:cat>
            <c:strRef>
              <c:f>Sheet1!$A$2:$A$10</c:f>
              <c:strCache>
                <c:ptCount val="9"/>
                <c:pt idx="0">
                  <c:v>Algebraic Eqns</c:v>
                </c:pt>
                <c:pt idx="1">
                  <c:v>Rational Numbers</c:v>
                </c:pt>
                <c:pt idx="2">
                  <c:v>Mensuration</c:v>
                </c:pt>
                <c:pt idx="3">
                  <c:v>Practical Geometry</c:v>
                </c:pt>
                <c:pt idx="4">
                  <c:v>Linear Eqations</c:v>
                </c:pt>
                <c:pt idx="5">
                  <c:v>Direct-Inv Proportions</c:v>
                </c:pt>
                <c:pt idx="6">
                  <c:v>Facorisation</c:v>
                </c:pt>
                <c:pt idx="7">
                  <c:v>Data Handling</c:v>
                </c:pt>
                <c:pt idx="8">
                  <c:v>Sq-Cube Roots</c:v>
                </c:pt>
              </c:strCache>
            </c:strRef>
          </c:cat>
          <c:val>
            <c:numRef>
              <c:f>Sheet1!$B$2:$B$10</c:f>
              <c:numCache>
                <c:formatCode>General</c:formatCode>
                <c:ptCount val="9"/>
                <c:pt idx="0">
                  <c:v>10</c:v>
                </c:pt>
                <c:pt idx="1">
                  <c:v>9</c:v>
                </c:pt>
                <c:pt idx="2">
                  <c:v>8</c:v>
                </c:pt>
                <c:pt idx="3">
                  <c:v>7</c:v>
                </c:pt>
                <c:pt idx="4">
                  <c:v>6</c:v>
                </c:pt>
                <c:pt idx="5">
                  <c:v>5</c:v>
                </c:pt>
                <c:pt idx="6">
                  <c:v>4</c:v>
                </c:pt>
                <c:pt idx="7">
                  <c:v>3</c:v>
                </c:pt>
                <c:pt idx="8">
                  <c:v>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50"/>
      </c:doughnutChart>
    </c:plotArea>
    <c:legend>
      <c:legendPos val="r"/>
      <c:layout>
        <c:manualLayout>
          <c:xMode val="edge"/>
          <c:yMode val="edge"/>
          <c:x val="0.66995033142793192"/>
          <c:y val="1.8959108421110041E-2"/>
          <c:w val="0.32141190944881887"/>
          <c:h val="0.97841707677165357"/>
        </c:manualLayout>
      </c:layout>
      <c:overlay val="0"/>
      <c:spPr>
        <a:solidFill>
          <a:schemeClr val="accent1">
            <a:lumMod val="20000"/>
            <a:lumOff val="80000"/>
          </a:schemeClr>
        </a:solidFill>
      </c:spPr>
      <c:txPr>
        <a:bodyPr/>
        <a:lstStyle/>
        <a:p>
          <a:pPr>
            <a:defRPr sz="1600">
              <a:latin typeface="Arial" panose="020B0604020202020204" pitchFamily="34" charset="0"/>
              <a:cs typeface="Arial" panose="020B0604020202020204" pitchFamily="34" charset="0"/>
            </a:defRPr>
          </a:pPr>
          <a:endParaRPr lang="en-US"/>
        </a:p>
      </c:txPr>
    </c:legend>
    <c:plotVisOnly val="1"/>
    <c:dispBlanksAs val="gap"/>
    <c:showDLblsOverMax val="0"/>
  </c:chart>
  <c:spPr>
    <a:ln w="28575">
      <a:solidFill>
        <a:srgbClr val="002060"/>
      </a:solidFill>
    </a:ln>
    <a:effectLst>
      <a:glow rad="139700">
        <a:schemeClr val="accent5">
          <a:satMod val="175000"/>
          <a:alpha val="40000"/>
        </a:schemeClr>
      </a:glow>
    </a:effectLst>
  </c:spPr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view3D>
      <c:rotX val="15"/>
      <c:rotY val="20"/>
      <c:rAngAx val="1"/>
    </c:view3D>
    <c:floor>
      <c:thickness val="0"/>
    </c:floor>
    <c:sideWall>
      <c:thickness val="0"/>
    </c:sideWall>
    <c:backWall>
      <c:thickness val="0"/>
    </c:backWall>
    <c:plotArea>
      <c:layout>
        <c:manualLayout>
          <c:layoutTarget val="inner"/>
          <c:xMode val="edge"/>
          <c:yMode val="edge"/>
          <c:x val="9.0522637795275585E-2"/>
          <c:y val="5.3085875984251962E-2"/>
          <c:w val="0.65249261811023618"/>
          <c:h val="0.74018503937007873"/>
        </c:manualLayout>
      </c:layout>
      <c:bar3D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AE-1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B$2:$B$8</c:f>
              <c:numCache>
                <c:formatCode>General</c:formatCode>
                <c:ptCount val="7"/>
                <c:pt idx="0">
                  <c:v>12</c:v>
                </c:pt>
                <c:pt idx="1">
                  <c:v>12</c:v>
                </c:pt>
                <c:pt idx="2">
                  <c:v>13</c:v>
                </c:pt>
                <c:pt idx="3">
                  <c:v>12</c:v>
                </c:pt>
                <c:pt idx="4">
                  <c:v>9</c:v>
                </c:pt>
                <c:pt idx="5">
                  <c:v>12</c:v>
                </c:pt>
                <c:pt idx="6">
                  <c:v>11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AE-2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C$2:$C$8</c:f>
              <c:numCache>
                <c:formatCode>General</c:formatCode>
                <c:ptCount val="7"/>
                <c:pt idx="0">
                  <c:v>14</c:v>
                </c:pt>
                <c:pt idx="1">
                  <c:v>13</c:v>
                </c:pt>
                <c:pt idx="2">
                  <c:v>14</c:v>
                </c:pt>
                <c:pt idx="3">
                  <c:v>13</c:v>
                </c:pt>
                <c:pt idx="4">
                  <c:v>14</c:v>
                </c:pt>
                <c:pt idx="5">
                  <c:v>13</c:v>
                </c:pt>
                <c:pt idx="6">
                  <c:v>11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AE-3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D$2:$D$8</c:f>
              <c:numCache>
                <c:formatCode>General</c:formatCode>
                <c:ptCount val="7"/>
                <c:pt idx="0">
                  <c:v>14</c:v>
                </c:pt>
                <c:pt idx="1">
                  <c:v>14</c:v>
                </c:pt>
                <c:pt idx="2">
                  <c:v>15</c:v>
                </c:pt>
                <c:pt idx="3">
                  <c:v>14</c:v>
                </c:pt>
                <c:pt idx="4">
                  <c:v>13</c:v>
                </c:pt>
                <c:pt idx="5">
                  <c:v>14</c:v>
                </c:pt>
                <c:pt idx="6">
                  <c:v>14</c:v>
                </c:pt>
              </c:numCache>
            </c:numRef>
          </c:val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AE-4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E$2:$E$8</c:f>
              <c:numCache>
                <c:formatCode>General</c:formatCode>
                <c:ptCount val="7"/>
                <c:pt idx="0">
                  <c:v>15</c:v>
                </c:pt>
                <c:pt idx="1">
                  <c:v>15</c:v>
                </c:pt>
                <c:pt idx="2">
                  <c:v>10</c:v>
                </c:pt>
                <c:pt idx="3">
                  <c:v>15</c:v>
                </c:pt>
                <c:pt idx="4">
                  <c:v>10</c:v>
                </c:pt>
                <c:pt idx="5">
                  <c:v>15</c:v>
                </c:pt>
                <c:pt idx="6">
                  <c:v>10</c:v>
                </c:pt>
              </c:numCache>
            </c:numRef>
          </c:val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Cal Test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F$2:$F$8</c:f>
              <c:numCache>
                <c:formatCode>General</c:formatCode>
                <c:ptCount val="7"/>
                <c:pt idx="0">
                  <c:v>8</c:v>
                </c:pt>
                <c:pt idx="1">
                  <c:v>9</c:v>
                </c:pt>
                <c:pt idx="2">
                  <c:v>7</c:v>
                </c:pt>
                <c:pt idx="3">
                  <c:v>8</c:v>
                </c:pt>
                <c:pt idx="4">
                  <c:v>8</c:v>
                </c:pt>
                <c:pt idx="5">
                  <c:v>9</c:v>
                </c:pt>
                <c:pt idx="6">
                  <c:v>8</c:v>
                </c:pt>
              </c:numCache>
            </c:numRef>
          </c:val>
        </c:ser>
        <c:ser>
          <c:idx val="5"/>
          <c:order val="5"/>
          <c:tx>
            <c:strRef>
              <c:f>Sheet1!$G$1</c:f>
              <c:strCache>
                <c:ptCount val="1"/>
                <c:pt idx="0">
                  <c:v>Pre-Finals2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G$2:$G$8</c:f>
              <c:numCache>
                <c:formatCode>General</c:formatCode>
                <c:ptCount val="7"/>
                <c:pt idx="0">
                  <c:v>14</c:v>
                </c:pt>
                <c:pt idx="1">
                  <c:v>11</c:v>
                </c:pt>
                <c:pt idx="2">
                  <c:v>13</c:v>
                </c:pt>
                <c:pt idx="3">
                  <c:v>11</c:v>
                </c:pt>
                <c:pt idx="4">
                  <c:v>10</c:v>
                </c:pt>
                <c:pt idx="5">
                  <c:v>14</c:v>
                </c:pt>
                <c:pt idx="6">
                  <c:v>10</c:v>
                </c:pt>
              </c:numCache>
            </c:numRef>
          </c:val>
        </c:ser>
        <c:ser>
          <c:idx val="6"/>
          <c:order val="6"/>
          <c:tx>
            <c:strRef>
              <c:f>Sheet1!$H$1</c:f>
              <c:strCache>
                <c:ptCount val="1"/>
                <c:pt idx="0">
                  <c:v>Finals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H$2:$H$8</c:f>
              <c:numCache>
                <c:formatCode>General</c:formatCode>
                <c:ptCount val="7"/>
                <c:pt idx="0">
                  <c:v>14</c:v>
                </c:pt>
                <c:pt idx="1">
                  <c:v>13</c:v>
                </c:pt>
                <c:pt idx="2">
                  <c:v>15</c:v>
                </c:pt>
                <c:pt idx="3">
                  <c:v>13</c:v>
                </c:pt>
                <c:pt idx="4">
                  <c:v>10</c:v>
                </c:pt>
                <c:pt idx="5">
                  <c:v>11</c:v>
                </c:pt>
                <c:pt idx="6">
                  <c:v>1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cylinder"/>
        <c:axId val="434752512"/>
        <c:axId val="435356416"/>
        <c:axId val="0"/>
      </c:bar3DChart>
      <c:catAx>
        <c:axId val="434752512"/>
        <c:scaling>
          <c:orientation val="minMax"/>
        </c:scaling>
        <c:delete val="0"/>
        <c:axPos val="b"/>
        <c:majorTickMark val="out"/>
        <c:minorTickMark val="none"/>
        <c:tickLblPos val="nextTo"/>
        <c:txPr>
          <a:bodyPr/>
          <a:lstStyle/>
          <a:p>
            <a:pPr>
              <a:defRPr sz="1600" b="1">
                <a:latin typeface="Arial" panose="020B0604020202020204" pitchFamily="34" charset="0"/>
                <a:cs typeface="Arial" panose="020B0604020202020204" pitchFamily="34" charset="0"/>
              </a:defRPr>
            </a:pPr>
            <a:endParaRPr lang="en-US"/>
          </a:p>
        </c:txPr>
        <c:crossAx val="435356416"/>
        <c:crosses val="autoZero"/>
        <c:auto val="1"/>
        <c:lblAlgn val="ctr"/>
        <c:lblOffset val="100"/>
        <c:noMultiLvlLbl val="0"/>
      </c:catAx>
      <c:valAx>
        <c:axId val="435356416"/>
        <c:scaling>
          <c:orientation val="minMax"/>
        </c:scaling>
        <c:delete val="0"/>
        <c:axPos val="l"/>
        <c:majorGridlines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b="1"/>
            </a:pPr>
            <a:endParaRPr lang="en-US"/>
          </a:p>
        </c:txPr>
        <c:crossAx val="434752512"/>
        <c:crosses val="autoZero"/>
        <c:crossBetween val="between"/>
      </c:valAx>
    </c:plotArea>
    <c:legend>
      <c:legendPos val="r"/>
      <c:layout/>
      <c:overlay val="0"/>
      <c:txPr>
        <a:bodyPr/>
        <a:lstStyle/>
        <a:p>
          <a:pPr>
            <a:defRPr sz="1600" b="1">
              <a:latin typeface="Arial" panose="020B0604020202020204" pitchFamily="34" charset="0"/>
              <a:cs typeface="Arial" panose="020B0604020202020204" pitchFamily="34" charset="0"/>
            </a:defRPr>
          </a:pPr>
          <a:endParaRPr lang="en-US"/>
        </a:p>
      </c:txPr>
    </c:legend>
    <c:plotVisOnly val="1"/>
    <c:dispBlanksAs val="gap"/>
    <c:showDLblsOverMax val="0"/>
  </c:chart>
  <c:spPr>
    <a:ln w="28575">
      <a:solidFill>
        <a:srgbClr val="002060"/>
      </a:solidFill>
    </a:ln>
    <a:effectLst>
      <a:glow rad="139700">
        <a:schemeClr val="accent5">
          <a:satMod val="175000"/>
          <a:alpha val="40000"/>
        </a:schemeClr>
      </a:glow>
    </a:effectLst>
  </c:spPr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98FDB2D-BD9C-40E9-86BE-C29E2CCD91EC}" type="doc">
      <dgm:prSet loTypeId="urn:microsoft.com/office/officeart/2005/8/layout/cycle2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917E73B3-687A-4675-93CA-DC897999C117}">
      <dgm:prSet phldrT="[Text]" custT="1"/>
      <dgm:spPr>
        <a:solidFill>
          <a:srgbClr val="00B050"/>
        </a:solidFill>
      </dgm:spPr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Chapter-wise Test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5EA189F3-0E59-4426-AEC8-7507B011CA49}" type="parTrans" cxnId="{E61BE896-2D64-4B48-85C0-9FCD882B2CF2}">
      <dgm:prSet/>
      <dgm:spPr/>
      <dgm:t>
        <a:bodyPr/>
        <a:lstStyle/>
        <a:p>
          <a:endParaRPr lang="en-GB"/>
        </a:p>
      </dgm:t>
    </dgm:pt>
    <dgm:pt modelId="{5E682EFF-37AB-4181-99AF-F9E29CE27255}" type="sibTrans" cxnId="{E61BE896-2D64-4B48-85C0-9FCD882B2CF2}">
      <dgm:prSet/>
      <dgm:spPr>
        <a:solidFill>
          <a:schemeClr val="tx1"/>
        </a:solidFill>
      </dgm:spPr>
      <dgm:t>
        <a:bodyPr/>
        <a:lstStyle/>
        <a:p>
          <a:endParaRPr lang="en-GB"/>
        </a:p>
      </dgm:t>
    </dgm:pt>
    <dgm:pt modelId="{A9032D3A-7BEC-474F-A299-C04B6D2620EF}">
      <dgm:prSet phldrT="[Text]" custT="1"/>
      <dgm:spPr>
        <a:solidFill>
          <a:schemeClr val="accent5">
            <a:lumMod val="75000"/>
          </a:schemeClr>
        </a:solidFill>
      </dgm:spPr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Calibration Test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F25D53D-4DE3-4C85-B28E-96D1C34C3431}" type="parTrans" cxnId="{5725E24F-F269-47CA-A11D-713934B6AFB0}">
      <dgm:prSet/>
      <dgm:spPr/>
      <dgm:t>
        <a:bodyPr/>
        <a:lstStyle/>
        <a:p>
          <a:endParaRPr lang="en-GB"/>
        </a:p>
      </dgm:t>
    </dgm:pt>
    <dgm:pt modelId="{3E4C5645-1EF2-4B48-BB5E-0597D9AAB383}" type="sibTrans" cxnId="{5725E24F-F269-47CA-A11D-713934B6AFB0}">
      <dgm:prSet/>
      <dgm:spPr>
        <a:solidFill>
          <a:srgbClr val="0070C0"/>
        </a:solidFill>
      </dgm:spPr>
      <dgm:t>
        <a:bodyPr/>
        <a:lstStyle/>
        <a:p>
          <a:endParaRPr lang="en-GB"/>
        </a:p>
      </dgm:t>
    </dgm:pt>
    <dgm:pt modelId="{BB5A18FC-8D0E-4284-BCF0-8A20752C7524}">
      <dgm:prSet phldrT="[Text]" custT="1"/>
      <dgm:spPr>
        <a:solidFill>
          <a:srgbClr val="002060"/>
        </a:solidFill>
      </dgm:spPr>
      <dgm:t>
        <a:bodyPr/>
        <a:lstStyle/>
        <a:p>
          <a:r>
            <a:rPr lang="en-GB" sz="1400" b="1" dirty="0" smtClean="0">
              <a:latin typeface="Arial" panose="020B0604020202020204" pitchFamily="34" charset="0"/>
              <a:cs typeface="Arial" panose="020B0604020202020204" pitchFamily="34" charset="0"/>
            </a:rPr>
            <a:t>Mock Tests</a:t>
          </a:r>
          <a:endParaRPr lang="en-GB" sz="14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D19A31B-4D77-4D29-88FD-0F59ECD7E1E5}" type="parTrans" cxnId="{655F8204-6A24-4935-9806-768985A7C264}">
      <dgm:prSet/>
      <dgm:spPr/>
      <dgm:t>
        <a:bodyPr/>
        <a:lstStyle/>
        <a:p>
          <a:endParaRPr lang="en-GB"/>
        </a:p>
      </dgm:t>
    </dgm:pt>
    <dgm:pt modelId="{2C990C09-8C2D-4407-B0BF-69015AF80807}" type="sibTrans" cxnId="{655F8204-6A24-4935-9806-768985A7C264}">
      <dgm:prSet/>
      <dgm:spPr>
        <a:solidFill>
          <a:srgbClr val="FFFF00"/>
        </a:solidFill>
      </dgm:spPr>
      <dgm:t>
        <a:bodyPr/>
        <a:lstStyle/>
        <a:p>
          <a:endParaRPr lang="en-GB"/>
        </a:p>
      </dgm:t>
    </dgm:pt>
    <dgm:pt modelId="{2E121F6C-A305-4C92-AA67-492D3E1F3B80}">
      <dgm:prSet phldrT="[Text]" custT="1"/>
      <dgm:spPr>
        <a:solidFill>
          <a:srgbClr val="FFFF00"/>
        </a:solidFill>
      </dgm:spPr>
      <dgm:t>
        <a:bodyPr/>
        <a:lstStyle/>
        <a:p>
          <a:r>
            <a:rPr lang="en-GB" sz="1200" b="1" dirty="0" smtClean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rPr>
            <a:t>Assessment Tests</a:t>
          </a:r>
          <a:endParaRPr lang="en-GB" sz="1200" b="1" dirty="0">
            <a:solidFill>
              <a:srgbClr val="FF0000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3E24850E-0B6C-4653-9582-4BA67F1EAE01}" type="parTrans" cxnId="{FCF916B2-12A0-4A18-AEDC-797682F7D3A1}">
      <dgm:prSet/>
      <dgm:spPr/>
      <dgm:t>
        <a:bodyPr/>
        <a:lstStyle/>
        <a:p>
          <a:endParaRPr lang="en-GB"/>
        </a:p>
      </dgm:t>
    </dgm:pt>
    <dgm:pt modelId="{146B32E6-9E0C-427F-98B5-971119962569}" type="sibTrans" cxnId="{FCF916B2-12A0-4A18-AEDC-797682F7D3A1}">
      <dgm:prSet/>
      <dgm:spPr>
        <a:solidFill>
          <a:srgbClr val="C00000"/>
        </a:solidFill>
      </dgm:spPr>
      <dgm:t>
        <a:bodyPr/>
        <a:lstStyle/>
        <a:p>
          <a:endParaRPr lang="en-GB"/>
        </a:p>
      </dgm:t>
    </dgm:pt>
    <dgm:pt modelId="{9E38C5D0-373D-41DA-A4FF-0BDA85A430D2}">
      <dgm:prSet phldrT="[Text]" custT="1"/>
      <dgm:spPr>
        <a:solidFill>
          <a:schemeClr val="accent2">
            <a:lumMod val="75000"/>
          </a:schemeClr>
        </a:solidFill>
      </dgm:spPr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Pre-Final / Final Test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A8BB99EB-BC6C-4000-A106-7DD95C4D4120}" type="parTrans" cxnId="{080DFF9A-8DCF-4B28-BBBC-6978F85265D1}">
      <dgm:prSet/>
      <dgm:spPr/>
      <dgm:t>
        <a:bodyPr/>
        <a:lstStyle/>
        <a:p>
          <a:endParaRPr lang="en-GB"/>
        </a:p>
      </dgm:t>
    </dgm:pt>
    <dgm:pt modelId="{261BD58A-12C5-47DE-BD81-CCD4828F060D}" type="sibTrans" cxnId="{080DFF9A-8DCF-4B28-BBBC-6978F85265D1}">
      <dgm:prSet/>
      <dgm:spPr>
        <a:solidFill>
          <a:schemeClr val="accent6">
            <a:lumMod val="75000"/>
          </a:schemeClr>
        </a:solidFill>
      </dgm:spPr>
      <dgm:t>
        <a:bodyPr/>
        <a:lstStyle/>
        <a:p>
          <a:endParaRPr lang="en-GB"/>
        </a:p>
      </dgm:t>
    </dgm:pt>
    <dgm:pt modelId="{54CA36A0-EDC5-42BC-866E-89C1673C6F2C}">
      <dgm:prSet phldrT="[Text]" custT="1"/>
      <dgm:spPr>
        <a:solidFill>
          <a:schemeClr val="accent6">
            <a:lumMod val="75000"/>
          </a:schemeClr>
        </a:solidFill>
      </dgm:spPr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Formulae Sheet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89F94D7F-AB86-460A-84E3-B9A614F4F709}" type="parTrans" cxnId="{2FFC5A13-92CB-4DCE-83F2-8CE40EC56F00}">
      <dgm:prSet/>
      <dgm:spPr/>
      <dgm:t>
        <a:bodyPr/>
        <a:lstStyle/>
        <a:p>
          <a:endParaRPr lang="en-GB"/>
        </a:p>
      </dgm:t>
    </dgm:pt>
    <dgm:pt modelId="{FB3E65F6-770A-4E59-BA44-B3BCFABAD3E8}" type="sibTrans" cxnId="{2FFC5A13-92CB-4DCE-83F2-8CE40EC56F00}">
      <dgm:prSet/>
      <dgm:spPr>
        <a:solidFill>
          <a:srgbClr val="0070C0"/>
        </a:solidFill>
      </dgm:spPr>
      <dgm:t>
        <a:bodyPr/>
        <a:lstStyle/>
        <a:p>
          <a:endParaRPr lang="en-GB"/>
        </a:p>
      </dgm:t>
    </dgm:pt>
    <dgm:pt modelId="{DD3BF331-3AED-484A-A287-187CD37842F8}">
      <dgm:prSet phldrT="[Text]" custT="1"/>
      <dgm:spPr/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Revision Note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A89397BE-182D-4779-B823-192CEE44F2B5}" type="parTrans" cxnId="{745E1BD7-B358-4075-B6CB-95D6E3F6084D}">
      <dgm:prSet/>
      <dgm:spPr/>
      <dgm:t>
        <a:bodyPr/>
        <a:lstStyle/>
        <a:p>
          <a:endParaRPr lang="en-GB"/>
        </a:p>
      </dgm:t>
    </dgm:pt>
    <dgm:pt modelId="{9618DA2F-4EE6-4CE1-A153-97833479BCF9}" type="sibTrans" cxnId="{745E1BD7-B358-4075-B6CB-95D6E3F6084D}">
      <dgm:prSet/>
      <dgm:spPr>
        <a:solidFill>
          <a:srgbClr val="00B050"/>
        </a:solidFill>
      </dgm:spPr>
      <dgm:t>
        <a:bodyPr/>
        <a:lstStyle/>
        <a:p>
          <a:endParaRPr lang="en-GB"/>
        </a:p>
      </dgm:t>
    </dgm:pt>
    <dgm:pt modelId="{B4453136-FB0D-4C86-9FD6-F7DD6F72E23D}" type="pres">
      <dgm:prSet presAssocID="{F98FDB2D-BD9C-40E9-86BE-C29E2CCD91EC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GB"/>
        </a:p>
      </dgm:t>
    </dgm:pt>
    <dgm:pt modelId="{27EF642B-4A58-4D01-A58D-C61C46000BF8}" type="pres">
      <dgm:prSet presAssocID="{54CA36A0-EDC5-42BC-866E-89C1673C6F2C}" presName="node" presStyleLbl="node1" presStyleIdx="0" presStyleCnt="7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CB1B3C3B-9876-421E-9447-64C2CDA52434}" type="pres">
      <dgm:prSet presAssocID="{FB3E65F6-770A-4E59-BA44-B3BCFABAD3E8}" presName="sibTrans" presStyleLbl="sibTrans2D1" presStyleIdx="0" presStyleCnt="7"/>
      <dgm:spPr/>
      <dgm:t>
        <a:bodyPr/>
        <a:lstStyle/>
        <a:p>
          <a:endParaRPr lang="en-GB"/>
        </a:p>
      </dgm:t>
    </dgm:pt>
    <dgm:pt modelId="{53ED9F72-9C75-41A4-A311-08D0C58CAC47}" type="pres">
      <dgm:prSet presAssocID="{FB3E65F6-770A-4E59-BA44-B3BCFABAD3E8}" presName="connectorText" presStyleLbl="sibTrans2D1" presStyleIdx="0" presStyleCnt="7"/>
      <dgm:spPr/>
      <dgm:t>
        <a:bodyPr/>
        <a:lstStyle/>
        <a:p>
          <a:endParaRPr lang="en-GB"/>
        </a:p>
      </dgm:t>
    </dgm:pt>
    <dgm:pt modelId="{C45C86C3-9472-4262-89BD-CEE3B7BBED05}" type="pres">
      <dgm:prSet presAssocID="{DD3BF331-3AED-484A-A287-187CD37842F8}" presName="node" presStyleLbl="node1" presStyleIdx="1" presStyleCnt="7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31F04943-6803-4BB6-9A6E-BFA38120E05F}" type="pres">
      <dgm:prSet presAssocID="{9618DA2F-4EE6-4CE1-A153-97833479BCF9}" presName="sibTrans" presStyleLbl="sibTrans2D1" presStyleIdx="1" presStyleCnt="7"/>
      <dgm:spPr/>
      <dgm:t>
        <a:bodyPr/>
        <a:lstStyle/>
        <a:p>
          <a:endParaRPr lang="en-GB"/>
        </a:p>
      </dgm:t>
    </dgm:pt>
    <dgm:pt modelId="{F97CCAAD-B342-4686-9ADD-414E8F8039EF}" type="pres">
      <dgm:prSet presAssocID="{9618DA2F-4EE6-4CE1-A153-97833479BCF9}" presName="connectorText" presStyleLbl="sibTrans2D1" presStyleIdx="1" presStyleCnt="7"/>
      <dgm:spPr/>
      <dgm:t>
        <a:bodyPr/>
        <a:lstStyle/>
        <a:p>
          <a:endParaRPr lang="en-GB"/>
        </a:p>
      </dgm:t>
    </dgm:pt>
    <dgm:pt modelId="{A797CEDB-A2F4-400C-84F3-B57076A66AD0}" type="pres">
      <dgm:prSet presAssocID="{917E73B3-687A-4675-93CA-DC897999C117}" presName="node" presStyleLbl="node1" presStyleIdx="2" presStyleCnt="7" custScaleX="117008" custScaleY="121870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3DF93103-379E-476C-9CB6-1BEDF2E02AA9}" type="pres">
      <dgm:prSet presAssocID="{5E682EFF-37AB-4181-99AF-F9E29CE27255}" presName="sibTrans" presStyleLbl="sibTrans2D1" presStyleIdx="2" presStyleCnt="7"/>
      <dgm:spPr/>
      <dgm:t>
        <a:bodyPr/>
        <a:lstStyle/>
        <a:p>
          <a:endParaRPr lang="en-GB"/>
        </a:p>
      </dgm:t>
    </dgm:pt>
    <dgm:pt modelId="{F06356E8-A89D-4AAD-B742-B825F244BF08}" type="pres">
      <dgm:prSet presAssocID="{5E682EFF-37AB-4181-99AF-F9E29CE27255}" presName="connectorText" presStyleLbl="sibTrans2D1" presStyleIdx="2" presStyleCnt="7"/>
      <dgm:spPr/>
      <dgm:t>
        <a:bodyPr/>
        <a:lstStyle/>
        <a:p>
          <a:endParaRPr lang="en-GB"/>
        </a:p>
      </dgm:t>
    </dgm:pt>
    <dgm:pt modelId="{A605405C-E1A4-4A23-9953-747A9B6A5B61}" type="pres">
      <dgm:prSet presAssocID="{A9032D3A-7BEC-474F-A299-C04B6D2620EF}" presName="node" presStyleLbl="node1" presStyleIdx="3" presStyleCnt="7" custScaleX="120341" custScaleY="124732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CC7A0E3B-868A-402A-924C-B327B483EBD6}" type="pres">
      <dgm:prSet presAssocID="{3E4C5645-1EF2-4B48-BB5E-0597D9AAB383}" presName="sibTrans" presStyleLbl="sibTrans2D1" presStyleIdx="3" presStyleCnt="7"/>
      <dgm:spPr/>
      <dgm:t>
        <a:bodyPr/>
        <a:lstStyle/>
        <a:p>
          <a:endParaRPr lang="en-GB"/>
        </a:p>
      </dgm:t>
    </dgm:pt>
    <dgm:pt modelId="{95B66FC4-811B-4517-AF85-35B423153A68}" type="pres">
      <dgm:prSet presAssocID="{3E4C5645-1EF2-4B48-BB5E-0597D9AAB383}" presName="connectorText" presStyleLbl="sibTrans2D1" presStyleIdx="3" presStyleCnt="7"/>
      <dgm:spPr/>
      <dgm:t>
        <a:bodyPr/>
        <a:lstStyle/>
        <a:p>
          <a:endParaRPr lang="en-GB"/>
        </a:p>
      </dgm:t>
    </dgm:pt>
    <dgm:pt modelId="{4183DFBF-2F0B-4268-9FDA-613BF977F53B}" type="pres">
      <dgm:prSet presAssocID="{BB5A18FC-8D0E-4284-BCF0-8A20752C7524}" presName="node" presStyleLbl="node1" presStyleIdx="4" presStyleCnt="7" custScaleX="116115" custScaleY="121340" custRadScaleRad="96798" custRadScaleInc="-16606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BEA64E47-CB7B-4CCA-A5D0-0F71B7673978}" type="pres">
      <dgm:prSet presAssocID="{2C990C09-8C2D-4407-B0BF-69015AF80807}" presName="sibTrans" presStyleLbl="sibTrans2D1" presStyleIdx="4" presStyleCnt="7" custAng="10822184" custFlipVert="1" custFlipHor="1" custScaleX="179935" custScaleY="83147" custLinFactNeighborX="271" custLinFactNeighborY="9712" custRadScaleRad="245413" custRadScaleInc="-2147483648"/>
      <dgm:spPr/>
      <dgm:t>
        <a:bodyPr/>
        <a:lstStyle/>
        <a:p>
          <a:endParaRPr lang="en-GB"/>
        </a:p>
      </dgm:t>
    </dgm:pt>
    <dgm:pt modelId="{4FB8A065-E413-430A-9AF2-71507113AE8F}" type="pres">
      <dgm:prSet presAssocID="{2C990C09-8C2D-4407-B0BF-69015AF80807}" presName="connectorText" presStyleLbl="sibTrans2D1" presStyleIdx="4" presStyleCnt="7"/>
      <dgm:spPr/>
      <dgm:t>
        <a:bodyPr/>
        <a:lstStyle/>
        <a:p>
          <a:endParaRPr lang="en-GB"/>
        </a:p>
      </dgm:t>
    </dgm:pt>
    <dgm:pt modelId="{02D54BA2-9DCD-4F2F-94A7-38D1E3EFDD92}" type="pres">
      <dgm:prSet presAssocID="{2E121F6C-A305-4C92-AA67-492D3E1F3B80}" presName="node" presStyleLbl="node1" presStyleIdx="5" presStyleCnt="7" custScaleX="129802" custScaleY="127379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82E1CBCC-A7D1-4AE0-8B45-457D6EE2B294}" type="pres">
      <dgm:prSet presAssocID="{146B32E6-9E0C-427F-98B5-971119962569}" presName="sibTrans" presStyleLbl="sibTrans2D1" presStyleIdx="5" presStyleCnt="7" custScaleX="249579" custScaleY="83161"/>
      <dgm:spPr/>
      <dgm:t>
        <a:bodyPr/>
        <a:lstStyle/>
        <a:p>
          <a:endParaRPr lang="en-GB"/>
        </a:p>
      </dgm:t>
    </dgm:pt>
    <dgm:pt modelId="{F5832BA8-6529-4119-8F0C-329C393A0753}" type="pres">
      <dgm:prSet presAssocID="{146B32E6-9E0C-427F-98B5-971119962569}" presName="connectorText" presStyleLbl="sibTrans2D1" presStyleIdx="5" presStyleCnt="7"/>
      <dgm:spPr/>
      <dgm:t>
        <a:bodyPr/>
        <a:lstStyle/>
        <a:p>
          <a:endParaRPr lang="en-GB"/>
        </a:p>
      </dgm:t>
    </dgm:pt>
    <dgm:pt modelId="{F3203F19-3607-4AFB-A8C8-B6C314A1D5CE}" type="pres">
      <dgm:prSet presAssocID="{9E38C5D0-373D-41DA-A4FF-0BDA85A430D2}" presName="node" presStyleLbl="node1" presStyleIdx="6" presStyleCnt="7" custScaleX="123456" custScaleY="133628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27CFAFBA-DF3B-44B6-9C3E-29C8D1526041}" type="pres">
      <dgm:prSet presAssocID="{261BD58A-12C5-47DE-BD81-CCD4828F060D}" presName="sibTrans" presStyleLbl="sibTrans2D1" presStyleIdx="6" presStyleCnt="7"/>
      <dgm:spPr/>
      <dgm:t>
        <a:bodyPr/>
        <a:lstStyle/>
        <a:p>
          <a:endParaRPr lang="en-GB"/>
        </a:p>
      </dgm:t>
    </dgm:pt>
    <dgm:pt modelId="{DEF72D9E-4C64-45F0-8E71-748F53C92B0E}" type="pres">
      <dgm:prSet presAssocID="{261BD58A-12C5-47DE-BD81-CCD4828F060D}" presName="connectorText" presStyleLbl="sibTrans2D1" presStyleIdx="6" presStyleCnt="7"/>
      <dgm:spPr/>
      <dgm:t>
        <a:bodyPr/>
        <a:lstStyle/>
        <a:p>
          <a:endParaRPr lang="en-GB"/>
        </a:p>
      </dgm:t>
    </dgm:pt>
  </dgm:ptLst>
  <dgm:cxnLst>
    <dgm:cxn modelId="{5725E24F-F269-47CA-A11D-713934B6AFB0}" srcId="{F98FDB2D-BD9C-40E9-86BE-C29E2CCD91EC}" destId="{A9032D3A-7BEC-474F-A299-C04B6D2620EF}" srcOrd="3" destOrd="0" parTransId="{6F25D53D-4DE3-4C85-B28E-96D1C34C3431}" sibTransId="{3E4C5645-1EF2-4B48-BB5E-0597D9AAB383}"/>
    <dgm:cxn modelId="{7BFDE7AA-C52A-4E39-8ABD-96E1E8660EB2}" type="presOf" srcId="{A9032D3A-7BEC-474F-A299-C04B6D2620EF}" destId="{A605405C-E1A4-4A23-9953-747A9B6A5B61}" srcOrd="0" destOrd="0" presId="urn:microsoft.com/office/officeart/2005/8/layout/cycle2"/>
    <dgm:cxn modelId="{FBBDE62F-8CE7-46D4-8A3D-F910D1F48B9C}" type="presOf" srcId="{5E682EFF-37AB-4181-99AF-F9E29CE27255}" destId="{F06356E8-A89D-4AAD-B742-B825F244BF08}" srcOrd="1" destOrd="0" presId="urn:microsoft.com/office/officeart/2005/8/layout/cycle2"/>
    <dgm:cxn modelId="{228E1CC6-B0CC-4F3B-A7D9-6FBBCFF2C15F}" type="presOf" srcId="{FB3E65F6-770A-4E59-BA44-B3BCFABAD3E8}" destId="{CB1B3C3B-9876-421E-9447-64C2CDA52434}" srcOrd="0" destOrd="0" presId="urn:microsoft.com/office/officeart/2005/8/layout/cycle2"/>
    <dgm:cxn modelId="{2FFC5A13-92CB-4DCE-83F2-8CE40EC56F00}" srcId="{F98FDB2D-BD9C-40E9-86BE-C29E2CCD91EC}" destId="{54CA36A0-EDC5-42BC-866E-89C1673C6F2C}" srcOrd="0" destOrd="0" parTransId="{89F94D7F-AB86-460A-84E3-B9A614F4F709}" sibTransId="{FB3E65F6-770A-4E59-BA44-B3BCFABAD3E8}"/>
    <dgm:cxn modelId="{74F39662-1DFF-444D-A5FC-C85535568860}" type="presOf" srcId="{F98FDB2D-BD9C-40E9-86BE-C29E2CCD91EC}" destId="{B4453136-FB0D-4C86-9FD6-F7DD6F72E23D}" srcOrd="0" destOrd="0" presId="urn:microsoft.com/office/officeart/2005/8/layout/cycle2"/>
    <dgm:cxn modelId="{745E1BD7-B358-4075-B6CB-95D6E3F6084D}" srcId="{F98FDB2D-BD9C-40E9-86BE-C29E2CCD91EC}" destId="{DD3BF331-3AED-484A-A287-187CD37842F8}" srcOrd="1" destOrd="0" parTransId="{A89397BE-182D-4779-B823-192CEE44F2B5}" sibTransId="{9618DA2F-4EE6-4CE1-A153-97833479BCF9}"/>
    <dgm:cxn modelId="{641988EF-062E-49BF-ADC5-E6A2D068FC3C}" type="presOf" srcId="{9E38C5D0-373D-41DA-A4FF-0BDA85A430D2}" destId="{F3203F19-3607-4AFB-A8C8-B6C314A1D5CE}" srcOrd="0" destOrd="0" presId="urn:microsoft.com/office/officeart/2005/8/layout/cycle2"/>
    <dgm:cxn modelId="{080DFF9A-8DCF-4B28-BBBC-6978F85265D1}" srcId="{F98FDB2D-BD9C-40E9-86BE-C29E2CCD91EC}" destId="{9E38C5D0-373D-41DA-A4FF-0BDA85A430D2}" srcOrd="6" destOrd="0" parTransId="{A8BB99EB-BC6C-4000-A106-7DD95C4D4120}" sibTransId="{261BD58A-12C5-47DE-BD81-CCD4828F060D}"/>
    <dgm:cxn modelId="{728BD37A-EE01-47C3-B36D-0079AF7118DE}" type="presOf" srcId="{9618DA2F-4EE6-4CE1-A153-97833479BCF9}" destId="{31F04943-6803-4BB6-9A6E-BFA38120E05F}" srcOrd="0" destOrd="0" presId="urn:microsoft.com/office/officeart/2005/8/layout/cycle2"/>
    <dgm:cxn modelId="{54BFDCC1-723C-48F6-B16B-8F8292E707C5}" type="presOf" srcId="{FB3E65F6-770A-4E59-BA44-B3BCFABAD3E8}" destId="{53ED9F72-9C75-41A4-A311-08D0C58CAC47}" srcOrd="1" destOrd="0" presId="urn:microsoft.com/office/officeart/2005/8/layout/cycle2"/>
    <dgm:cxn modelId="{E61BE896-2D64-4B48-85C0-9FCD882B2CF2}" srcId="{F98FDB2D-BD9C-40E9-86BE-C29E2CCD91EC}" destId="{917E73B3-687A-4675-93CA-DC897999C117}" srcOrd="2" destOrd="0" parTransId="{5EA189F3-0E59-4426-AEC8-7507B011CA49}" sibTransId="{5E682EFF-37AB-4181-99AF-F9E29CE27255}"/>
    <dgm:cxn modelId="{50AC55AB-D023-4DC6-A7B6-973D8EBB55A6}" type="presOf" srcId="{2E121F6C-A305-4C92-AA67-492D3E1F3B80}" destId="{02D54BA2-9DCD-4F2F-94A7-38D1E3EFDD92}" srcOrd="0" destOrd="0" presId="urn:microsoft.com/office/officeart/2005/8/layout/cycle2"/>
    <dgm:cxn modelId="{C7F897AD-A3D0-496F-A378-897BDBAD1F03}" type="presOf" srcId="{9618DA2F-4EE6-4CE1-A153-97833479BCF9}" destId="{F97CCAAD-B342-4686-9ADD-414E8F8039EF}" srcOrd="1" destOrd="0" presId="urn:microsoft.com/office/officeart/2005/8/layout/cycle2"/>
    <dgm:cxn modelId="{655F8204-6A24-4935-9806-768985A7C264}" srcId="{F98FDB2D-BD9C-40E9-86BE-C29E2CCD91EC}" destId="{BB5A18FC-8D0E-4284-BCF0-8A20752C7524}" srcOrd="4" destOrd="0" parTransId="{0D19A31B-4D77-4D29-88FD-0F59ECD7E1E5}" sibTransId="{2C990C09-8C2D-4407-B0BF-69015AF80807}"/>
    <dgm:cxn modelId="{8CABAE58-27CD-4500-A4B5-32E4F9DBAD4A}" type="presOf" srcId="{2C990C09-8C2D-4407-B0BF-69015AF80807}" destId="{BEA64E47-CB7B-4CCA-A5D0-0F71B7673978}" srcOrd="0" destOrd="0" presId="urn:microsoft.com/office/officeart/2005/8/layout/cycle2"/>
    <dgm:cxn modelId="{A66CF263-807A-40CB-8204-F7ED7074D664}" type="presOf" srcId="{2C990C09-8C2D-4407-B0BF-69015AF80807}" destId="{4FB8A065-E413-430A-9AF2-71507113AE8F}" srcOrd="1" destOrd="0" presId="urn:microsoft.com/office/officeart/2005/8/layout/cycle2"/>
    <dgm:cxn modelId="{26EBB199-C7D8-41E2-9657-EE1C89E13E8A}" type="presOf" srcId="{3E4C5645-1EF2-4B48-BB5E-0597D9AAB383}" destId="{CC7A0E3B-868A-402A-924C-B327B483EBD6}" srcOrd="0" destOrd="0" presId="urn:microsoft.com/office/officeart/2005/8/layout/cycle2"/>
    <dgm:cxn modelId="{B5D763C0-7E8F-4433-A467-5AD6F7DD3544}" type="presOf" srcId="{146B32E6-9E0C-427F-98B5-971119962569}" destId="{F5832BA8-6529-4119-8F0C-329C393A0753}" srcOrd="1" destOrd="0" presId="urn:microsoft.com/office/officeart/2005/8/layout/cycle2"/>
    <dgm:cxn modelId="{994CC5F9-5A21-4E38-AACF-1EBB2C8DA904}" type="presOf" srcId="{917E73B3-687A-4675-93CA-DC897999C117}" destId="{A797CEDB-A2F4-400C-84F3-B57076A66AD0}" srcOrd="0" destOrd="0" presId="urn:microsoft.com/office/officeart/2005/8/layout/cycle2"/>
    <dgm:cxn modelId="{FCF916B2-12A0-4A18-AEDC-797682F7D3A1}" srcId="{F98FDB2D-BD9C-40E9-86BE-C29E2CCD91EC}" destId="{2E121F6C-A305-4C92-AA67-492D3E1F3B80}" srcOrd="5" destOrd="0" parTransId="{3E24850E-0B6C-4653-9582-4BA67F1EAE01}" sibTransId="{146B32E6-9E0C-427F-98B5-971119962569}"/>
    <dgm:cxn modelId="{9D43A186-BB98-491B-A4FF-E66609ECCD2F}" type="presOf" srcId="{5E682EFF-37AB-4181-99AF-F9E29CE27255}" destId="{3DF93103-379E-476C-9CB6-1BEDF2E02AA9}" srcOrd="0" destOrd="0" presId="urn:microsoft.com/office/officeart/2005/8/layout/cycle2"/>
    <dgm:cxn modelId="{56FBD09F-868F-4EB1-AA9F-D3B03D5828E6}" type="presOf" srcId="{54CA36A0-EDC5-42BC-866E-89C1673C6F2C}" destId="{27EF642B-4A58-4D01-A58D-C61C46000BF8}" srcOrd="0" destOrd="0" presId="urn:microsoft.com/office/officeart/2005/8/layout/cycle2"/>
    <dgm:cxn modelId="{876C3E16-7688-4BBB-9372-E0DA59126E55}" type="presOf" srcId="{261BD58A-12C5-47DE-BD81-CCD4828F060D}" destId="{DEF72D9E-4C64-45F0-8E71-748F53C92B0E}" srcOrd="1" destOrd="0" presId="urn:microsoft.com/office/officeart/2005/8/layout/cycle2"/>
    <dgm:cxn modelId="{8E836508-C965-4C3F-91FC-D9A12C96A2C4}" type="presOf" srcId="{3E4C5645-1EF2-4B48-BB5E-0597D9AAB383}" destId="{95B66FC4-811B-4517-AF85-35B423153A68}" srcOrd="1" destOrd="0" presId="urn:microsoft.com/office/officeart/2005/8/layout/cycle2"/>
    <dgm:cxn modelId="{CEB39E23-A763-460D-BC02-F951840EFDCD}" type="presOf" srcId="{DD3BF331-3AED-484A-A287-187CD37842F8}" destId="{C45C86C3-9472-4262-89BD-CEE3B7BBED05}" srcOrd="0" destOrd="0" presId="urn:microsoft.com/office/officeart/2005/8/layout/cycle2"/>
    <dgm:cxn modelId="{BC34B5A7-F795-4562-B8B9-BCA85D19F583}" type="presOf" srcId="{146B32E6-9E0C-427F-98B5-971119962569}" destId="{82E1CBCC-A7D1-4AE0-8B45-457D6EE2B294}" srcOrd="0" destOrd="0" presId="urn:microsoft.com/office/officeart/2005/8/layout/cycle2"/>
    <dgm:cxn modelId="{40F4D2DE-CF0B-4987-9E75-4A3A5EA38433}" type="presOf" srcId="{261BD58A-12C5-47DE-BD81-CCD4828F060D}" destId="{27CFAFBA-DF3B-44B6-9C3E-29C8D1526041}" srcOrd="0" destOrd="0" presId="urn:microsoft.com/office/officeart/2005/8/layout/cycle2"/>
    <dgm:cxn modelId="{77F5C5A8-35B3-4B6E-BF54-6AC64B407B81}" type="presOf" srcId="{BB5A18FC-8D0E-4284-BCF0-8A20752C7524}" destId="{4183DFBF-2F0B-4268-9FDA-613BF977F53B}" srcOrd="0" destOrd="0" presId="urn:microsoft.com/office/officeart/2005/8/layout/cycle2"/>
    <dgm:cxn modelId="{9633B68A-B11C-492C-9AD3-653F983FAEF7}" type="presParOf" srcId="{B4453136-FB0D-4C86-9FD6-F7DD6F72E23D}" destId="{27EF642B-4A58-4D01-A58D-C61C46000BF8}" srcOrd="0" destOrd="0" presId="urn:microsoft.com/office/officeart/2005/8/layout/cycle2"/>
    <dgm:cxn modelId="{01C3718C-D8E9-454E-9302-B17A66E11592}" type="presParOf" srcId="{B4453136-FB0D-4C86-9FD6-F7DD6F72E23D}" destId="{CB1B3C3B-9876-421E-9447-64C2CDA52434}" srcOrd="1" destOrd="0" presId="urn:microsoft.com/office/officeart/2005/8/layout/cycle2"/>
    <dgm:cxn modelId="{442199EB-6A05-41A0-8AA2-1448455E6CFA}" type="presParOf" srcId="{CB1B3C3B-9876-421E-9447-64C2CDA52434}" destId="{53ED9F72-9C75-41A4-A311-08D0C58CAC47}" srcOrd="0" destOrd="0" presId="urn:microsoft.com/office/officeart/2005/8/layout/cycle2"/>
    <dgm:cxn modelId="{BA5BBB9F-358D-4E52-B169-B07397BFB538}" type="presParOf" srcId="{B4453136-FB0D-4C86-9FD6-F7DD6F72E23D}" destId="{C45C86C3-9472-4262-89BD-CEE3B7BBED05}" srcOrd="2" destOrd="0" presId="urn:microsoft.com/office/officeart/2005/8/layout/cycle2"/>
    <dgm:cxn modelId="{7A584646-CDC4-47D4-AD49-BBECAF9627AB}" type="presParOf" srcId="{B4453136-FB0D-4C86-9FD6-F7DD6F72E23D}" destId="{31F04943-6803-4BB6-9A6E-BFA38120E05F}" srcOrd="3" destOrd="0" presId="urn:microsoft.com/office/officeart/2005/8/layout/cycle2"/>
    <dgm:cxn modelId="{F48E8121-4E85-452F-99F1-ED055FD31BF7}" type="presParOf" srcId="{31F04943-6803-4BB6-9A6E-BFA38120E05F}" destId="{F97CCAAD-B342-4686-9ADD-414E8F8039EF}" srcOrd="0" destOrd="0" presId="urn:microsoft.com/office/officeart/2005/8/layout/cycle2"/>
    <dgm:cxn modelId="{908757C8-A28F-4BAD-AD63-DB7AB5CC8D00}" type="presParOf" srcId="{B4453136-FB0D-4C86-9FD6-F7DD6F72E23D}" destId="{A797CEDB-A2F4-400C-84F3-B57076A66AD0}" srcOrd="4" destOrd="0" presId="urn:microsoft.com/office/officeart/2005/8/layout/cycle2"/>
    <dgm:cxn modelId="{785910B4-3475-4E46-B4F9-3A4AD40CB0AB}" type="presParOf" srcId="{B4453136-FB0D-4C86-9FD6-F7DD6F72E23D}" destId="{3DF93103-379E-476C-9CB6-1BEDF2E02AA9}" srcOrd="5" destOrd="0" presId="urn:microsoft.com/office/officeart/2005/8/layout/cycle2"/>
    <dgm:cxn modelId="{61EBB970-F5F3-4590-BCDE-8BDA1954AE07}" type="presParOf" srcId="{3DF93103-379E-476C-9CB6-1BEDF2E02AA9}" destId="{F06356E8-A89D-4AAD-B742-B825F244BF08}" srcOrd="0" destOrd="0" presId="urn:microsoft.com/office/officeart/2005/8/layout/cycle2"/>
    <dgm:cxn modelId="{077853FD-9F12-4AFF-B3C1-CFF3A7FADF63}" type="presParOf" srcId="{B4453136-FB0D-4C86-9FD6-F7DD6F72E23D}" destId="{A605405C-E1A4-4A23-9953-747A9B6A5B61}" srcOrd="6" destOrd="0" presId="urn:microsoft.com/office/officeart/2005/8/layout/cycle2"/>
    <dgm:cxn modelId="{6242D4B4-FD07-4160-A7DF-18490499D519}" type="presParOf" srcId="{B4453136-FB0D-4C86-9FD6-F7DD6F72E23D}" destId="{CC7A0E3B-868A-402A-924C-B327B483EBD6}" srcOrd="7" destOrd="0" presId="urn:microsoft.com/office/officeart/2005/8/layout/cycle2"/>
    <dgm:cxn modelId="{D6F19109-A981-47BF-96F0-B6348EC0DD3A}" type="presParOf" srcId="{CC7A0E3B-868A-402A-924C-B327B483EBD6}" destId="{95B66FC4-811B-4517-AF85-35B423153A68}" srcOrd="0" destOrd="0" presId="urn:microsoft.com/office/officeart/2005/8/layout/cycle2"/>
    <dgm:cxn modelId="{A4D388CF-E9C7-49C0-B459-D6DB046A80C4}" type="presParOf" srcId="{B4453136-FB0D-4C86-9FD6-F7DD6F72E23D}" destId="{4183DFBF-2F0B-4268-9FDA-613BF977F53B}" srcOrd="8" destOrd="0" presId="urn:microsoft.com/office/officeart/2005/8/layout/cycle2"/>
    <dgm:cxn modelId="{59DF2460-E7BA-44E6-A112-717D9504E491}" type="presParOf" srcId="{B4453136-FB0D-4C86-9FD6-F7DD6F72E23D}" destId="{BEA64E47-CB7B-4CCA-A5D0-0F71B7673978}" srcOrd="9" destOrd="0" presId="urn:microsoft.com/office/officeart/2005/8/layout/cycle2"/>
    <dgm:cxn modelId="{C5D21381-DD38-4821-9BD6-A19E03DB41FD}" type="presParOf" srcId="{BEA64E47-CB7B-4CCA-A5D0-0F71B7673978}" destId="{4FB8A065-E413-430A-9AF2-71507113AE8F}" srcOrd="0" destOrd="0" presId="urn:microsoft.com/office/officeart/2005/8/layout/cycle2"/>
    <dgm:cxn modelId="{2EB0FFC8-8580-43A6-9BF3-656D2E754EB0}" type="presParOf" srcId="{B4453136-FB0D-4C86-9FD6-F7DD6F72E23D}" destId="{02D54BA2-9DCD-4F2F-94A7-38D1E3EFDD92}" srcOrd="10" destOrd="0" presId="urn:microsoft.com/office/officeart/2005/8/layout/cycle2"/>
    <dgm:cxn modelId="{BD8A4D3E-1C57-484D-BD80-3BA2395B453D}" type="presParOf" srcId="{B4453136-FB0D-4C86-9FD6-F7DD6F72E23D}" destId="{82E1CBCC-A7D1-4AE0-8B45-457D6EE2B294}" srcOrd="11" destOrd="0" presId="urn:microsoft.com/office/officeart/2005/8/layout/cycle2"/>
    <dgm:cxn modelId="{582A31C4-742D-4261-8881-A65C09BCA55A}" type="presParOf" srcId="{82E1CBCC-A7D1-4AE0-8B45-457D6EE2B294}" destId="{F5832BA8-6529-4119-8F0C-329C393A0753}" srcOrd="0" destOrd="0" presId="urn:microsoft.com/office/officeart/2005/8/layout/cycle2"/>
    <dgm:cxn modelId="{686C44C2-D5C1-4663-8D40-6254E842E2E2}" type="presParOf" srcId="{B4453136-FB0D-4C86-9FD6-F7DD6F72E23D}" destId="{F3203F19-3607-4AFB-A8C8-B6C314A1D5CE}" srcOrd="12" destOrd="0" presId="urn:microsoft.com/office/officeart/2005/8/layout/cycle2"/>
    <dgm:cxn modelId="{079B50F4-17ED-4DCF-A842-99BCD751DF45}" type="presParOf" srcId="{B4453136-FB0D-4C86-9FD6-F7DD6F72E23D}" destId="{27CFAFBA-DF3B-44B6-9C3E-29C8D1526041}" srcOrd="13" destOrd="0" presId="urn:microsoft.com/office/officeart/2005/8/layout/cycle2"/>
    <dgm:cxn modelId="{8A5F0DC8-6841-47C4-92E8-053F540CDF4C}" type="presParOf" srcId="{27CFAFBA-DF3B-44B6-9C3E-29C8D1526041}" destId="{DEF72D9E-4C64-45F0-8E71-748F53C92B0E}" srcOrd="0" destOrd="0" presId="urn:microsoft.com/office/officeart/2005/8/layout/cycle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7EF642B-4A58-4D01-A58D-C61C46000BF8}">
      <dsp:nvSpPr>
        <dsp:cNvPr id="0" name=""/>
        <dsp:cNvSpPr/>
      </dsp:nvSpPr>
      <dsp:spPr>
        <a:xfrm>
          <a:off x="3954519" y="-80007"/>
          <a:ext cx="1319361" cy="1319361"/>
        </a:xfrm>
        <a:prstGeom prst="ellipse">
          <a:avLst/>
        </a:prstGeom>
        <a:solidFill>
          <a:schemeClr val="accent6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Formulae Sheet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4147735" y="113209"/>
        <a:ext cx="932929" cy="932929"/>
      </dsp:txXfrm>
    </dsp:sp>
    <dsp:sp modelId="{CB1B3C3B-9876-421E-9447-64C2CDA52434}">
      <dsp:nvSpPr>
        <dsp:cNvPr id="0" name=""/>
        <dsp:cNvSpPr/>
      </dsp:nvSpPr>
      <dsp:spPr>
        <a:xfrm rot="1542857">
          <a:off x="5322261" y="782398"/>
          <a:ext cx="350447" cy="445284"/>
        </a:xfrm>
        <a:prstGeom prst="rightArrow">
          <a:avLst>
            <a:gd name="adj1" fmla="val 60000"/>
            <a:gd name="adj2" fmla="val 50000"/>
          </a:avLst>
        </a:prstGeom>
        <a:solidFill>
          <a:srgbClr val="0070C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>
        <a:off x="5327467" y="848647"/>
        <a:ext cx="245313" cy="267170"/>
      </dsp:txXfrm>
    </dsp:sp>
    <dsp:sp modelId="{C45C86C3-9472-4262-89BD-CEE3B7BBED05}">
      <dsp:nvSpPr>
        <dsp:cNvPr id="0" name=""/>
        <dsp:cNvSpPr/>
      </dsp:nvSpPr>
      <dsp:spPr>
        <a:xfrm>
          <a:off x="5738962" y="779334"/>
          <a:ext cx="1319361" cy="1319361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Revision Note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5932178" y="972550"/>
        <a:ext cx="932929" cy="932929"/>
      </dsp:txXfrm>
    </dsp:sp>
    <dsp:sp modelId="{31F04943-6803-4BB6-9A6E-BFA38120E05F}">
      <dsp:nvSpPr>
        <dsp:cNvPr id="0" name=""/>
        <dsp:cNvSpPr/>
      </dsp:nvSpPr>
      <dsp:spPr>
        <a:xfrm rot="4628571">
          <a:off x="6463970" y="2104744"/>
          <a:ext cx="274875" cy="445284"/>
        </a:xfrm>
        <a:prstGeom prst="rightArrow">
          <a:avLst>
            <a:gd name="adj1" fmla="val 60000"/>
            <a:gd name="adj2" fmla="val 50000"/>
          </a:avLst>
        </a:prstGeom>
        <a:solidFill>
          <a:srgbClr val="00B05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>
        <a:off x="6496026" y="2153604"/>
        <a:ext cx="192413" cy="267170"/>
      </dsp:txXfrm>
    </dsp:sp>
    <dsp:sp modelId="{A797CEDB-A2F4-400C-84F3-B57076A66AD0}">
      <dsp:nvSpPr>
        <dsp:cNvPr id="0" name=""/>
        <dsp:cNvSpPr/>
      </dsp:nvSpPr>
      <dsp:spPr>
        <a:xfrm>
          <a:off x="6067485" y="2565988"/>
          <a:ext cx="1543758" cy="1607905"/>
        </a:xfrm>
        <a:prstGeom prst="ellipse">
          <a:avLst/>
        </a:prstGeom>
        <a:solidFill>
          <a:srgbClr val="00B05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Chapter-wise Test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6293563" y="2801460"/>
        <a:ext cx="1091602" cy="1136961"/>
      </dsp:txXfrm>
    </dsp:sp>
    <dsp:sp modelId="{3DF93103-379E-476C-9CB6-1BEDF2E02AA9}">
      <dsp:nvSpPr>
        <dsp:cNvPr id="0" name=""/>
        <dsp:cNvSpPr/>
      </dsp:nvSpPr>
      <dsp:spPr>
        <a:xfrm rot="7714286">
          <a:off x="6131491" y="3909212"/>
          <a:ext cx="200534" cy="445284"/>
        </a:xfrm>
        <a:prstGeom prst="righ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 rot="10800000">
        <a:off x="6180326" y="3974752"/>
        <a:ext cx="140374" cy="267170"/>
      </dsp:txXfrm>
    </dsp:sp>
    <dsp:sp modelId="{A605405C-E1A4-4A23-9953-747A9B6A5B61}">
      <dsp:nvSpPr>
        <dsp:cNvPr id="0" name=""/>
        <dsp:cNvSpPr/>
      </dsp:nvSpPr>
      <dsp:spPr>
        <a:xfrm>
          <a:off x="4810624" y="4095589"/>
          <a:ext cx="1587732" cy="1645665"/>
        </a:xfrm>
        <a:prstGeom prst="ellipse">
          <a:avLst/>
        </a:prstGeom>
        <a:solidFill>
          <a:schemeClr val="accent5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Calibration Test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5043142" y="4336591"/>
        <a:ext cx="1122696" cy="1163661"/>
      </dsp:txXfrm>
    </dsp:sp>
    <dsp:sp modelId="{CC7A0E3B-868A-402A-924C-B327B483EBD6}">
      <dsp:nvSpPr>
        <dsp:cNvPr id="0" name=""/>
        <dsp:cNvSpPr/>
      </dsp:nvSpPr>
      <dsp:spPr>
        <a:xfrm rot="10800000">
          <a:off x="4632014" y="4695780"/>
          <a:ext cx="126217" cy="445284"/>
        </a:xfrm>
        <a:prstGeom prst="rightArrow">
          <a:avLst>
            <a:gd name="adj1" fmla="val 60000"/>
            <a:gd name="adj2" fmla="val 50000"/>
          </a:avLst>
        </a:prstGeom>
        <a:solidFill>
          <a:srgbClr val="0070C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 rot="10800000">
        <a:off x="4669879" y="4784837"/>
        <a:ext cx="88352" cy="267170"/>
      </dsp:txXfrm>
    </dsp:sp>
    <dsp:sp modelId="{4183DFBF-2F0B-4268-9FDA-613BF977F53B}">
      <dsp:nvSpPr>
        <dsp:cNvPr id="0" name=""/>
        <dsp:cNvSpPr/>
      </dsp:nvSpPr>
      <dsp:spPr>
        <a:xfrm>
          <a:off x="3040501" y="4117966"/>
          <a:ext cx="1531976" cy="1600913"/>
        </a:xfrm>
        <a:prstGeom prst="ellipse">
          <a:avLst/>
        </a:prstGeom>
        <a:solidFill>
          <a:srgbClr val="00206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4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Mock Tests</a:t>
          </a:r>
          <a:endParaRPr lang="en-GB" sz="14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3264854" y="4352414"/>
        <a:ext cx="1083270" cy="1132017"/>
      </dsp:txXfrm>
    </dsp:sp>
    <dsp:sp modelId="{BEA64E47-CB7B-4CCA-A5D0-0F71B7673978}">
      <dsp:nvSpPr>
        <dsp:cNvPr id="0" name=""/>
        <dsp:cNvSpPr/>
      </dsp:nvSpPr>
      <dsp:spPr>
        <a:xfrm rot="2873956" flipH="1" flipV="1">
          <a:off x="2901558" y="4030825"/>
          <a:ext cx="445960" cy="370240"/>
        </a:xfrm>
        <a:prstGeom prst="rightArrow">
          <a:avLst>
            <a:gd name="adj1" fmla="val 60000"/>
            <a:gd name="adj2" fmla="val 50000"/>
          </a:avLst>
        </a:prstGeom>
        <a:solidFill>
          <a:srgbClr val="FFFF0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500" kern="1200"/>
        </a:p>
      </dsp:txBody>
      <dsp:txXfrm rot="10800000">
        <a:off x="2994327" y="4146079"/>
        <a:ext cx="334888" cy="222144"/>
      </dsp:txXfrm>
    </dsp:sp>
    <dsp:sp modelId="{02D54BA2-9DCD-4F2F-94A7-38D1E3EFDD92}">
      <dsp:nvSpPr>
        <dsp:cNvPr id="0" name=""/>
        <dsp:cNvSpPr/>
      </dsp:nvSpPr>
      <dsp:spPr>
        <a:xfrm>
          <a:off x="1532756" y="2529646"/>
          <a:ext cx="1712557" cy="1680589"/>
        </a:xfrm>
        <a:prstGeom prst="ellipse">
          <a:avLst/>
        </a:prstGeom>
        <a:solidFill>
          <a:srgbClr val="FFFF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rPr>
            <a:t>Assessment Tests</a:t>
          </a:r>
          <a:endParaRPr lang="en-GB" sz="1200" b="1" kern="1200" dirty="0">
            <a:solidFill>
              <a:srgbClr val="FF0000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1783554" y="2775763"/>
        <a:ext cx="1210961" cy="1188355"/>
      </dsp:txXfrm>
    </dsp:sp>
    <dsp:sp modelId="{82E1CBCC-A7D1-4AE0-8B45-457D6EE2B294}">
      <dsp:nvSpPr>
        <dsp:cNvPr id="0" name=""/>
        <dsp:cNvSpPr/>
      </dsp:nvSpPr>
      <dsp:spPr>
        <a:xfrm rot="16971429">
          <a:off x="2431337" y="2241059"/>
          <a:ext cx="346195" cy="370303"/>
        </a:xfrm>
        <a:prstGeom prst="rightArrow">
          <a:avLst>
            <a:gd name="adj1" fmla="val 60000"/>
            <a:gd name="adj2" fmla="val 50000"/>
          </a:avLst>
        </a:prstGeom>
        <a:solidFill>
          <a:srgbClr val="C0000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500" kern="1200"/>
        </a:p>
      </dsp:txBody>
      <dsp:txXfrm>
        <a:off x="2471711" y="2365747"/>
        <a:ext cx="242337" cy="222181"/>
      </dsp:txXfrm>
    </dsp:sp>
    <dsp:sp modelId="{F3203F19-3607-4AFB-A8C8-B6C314A1D5CE}">
      <dsp:nvSpPr>
        <dsp:cNvPr id="0" name=""/>
        <dsp:cNvSpPr/>
      </dsp:nvSpPr>
      <dsp:spPr>
        <a:xfrm>
          <a:off x="2015341" y="557497"/>
          <a:ext cx="1628830" cy="1763036"/>
        </a:xfrm>
        <a:prstGeom prst="ellipse">
          <a:avLst/>
        </a:prstGeom>
        <a:solidFill>
          <a:schemeClr val="accent2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Pre-Final / Final Test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2253878" y="815688"/>
        <a:ext cx="1151756" cy="1246654"/>
      </dsp:txXfrm>
    </dsp:sp>
    <dsp:sp modelId="{27CFAFBA-DF3B-44B6-9C3E-29C8D1526041}">
      <dsp:nvSpPr>
        <dsp:cNvPr id="0" name=""/>
        <dsp:cNvSpPr/>
      </dsp:nvSpPr>
      <dsp:spPr>
        <a:xfrm rot="20057143">
          <a:off x="3658977" y="753868"/>
          <a:ext cx="262361" cy="445284"/>
        </a:xfrm>
        <a:prstGeom prst="rightArrow">
          <a:avLst>
            <a:gd name="adj1" fmla="val 60000"/>
            <a:gd name="adj2" fmla="val 50000"/>
          </a:avLst>
        </a:prstGeom>
        <a:solidFill>
          <a:schemeClr val="accent6">
            <a:lumMod val="75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>
        <a:off x="3662874" y="860000"/>
        <a:ext cx="183653" cy="26717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2">
  <dgm:title val=""/>
  <dgm:desc val=""/>
  <dgm:catLst>
    <dgm:cat type="cycle" pri="1000"/>
    <dgm:cat type="convert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choose name="Name2">
          <dgm:if name="Name3" axis="ch" ptType="node" func="cnt" op="gt" val="2">
            <dgm:alg type="cycle">
              <dgm:param type="stAng" val="0"/>
              <dgm:param type="spanAng" val="360"/>
            </dgm:alg>
          </dgm:if>
          <dgm:else name="Name4">
            <dgm:alg type="cycle">
              <dgm:param type="stAng" val="-90"/>
              <dgm:param type="spanAng" val="360"/>
            </dgm:alg>
          </dgm:else>
        </dgm:choose>
      </dgm:if>
      <dgm:else name="Name5">
        <dgm:choose name="Name6">
          <dgm:if name="Name7" axis="ch" ptType="node" func="cnt" op="gt" val="2">
            <dgm:alg type="cycle">
              <dgm:param type="stAng" val="0"/>
              <dgm:param type="spanAng" val="-360"/>
            </dgm:alg>
          </dgm:if>
          <dgm:else name="Name8">
            <dgm:alg type="cycle">
              <dgm:param type="stAng" val="90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ptType="sibTrans" refType="w" refFor="ch" refPtType="node" op="equ" fact="0.25"/>
      <dgm:constr type="sibSp" refType="w" refFor="ch" refPtType="node" fact="0.5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ellipse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sibTransForEach" axis="followSib" ptType="sibTrans" hideLastTrans="0" cnt="1">
            <dgm:layoutNode name="sibTrans">
              <dgm:choose name="Name11">
                <dgm:if name="Name12" axis="par ch" ptType="doc node" func="cnt" op="lt" val="3">
                  <dgm:alg type="conn">
                    <dgm:param type="begPts" val="radial"/>
                    <dgm:param type="endPts" val="radial"/>
                  </dgm:alg>
                </dgm:if>
                <dgm:else name="Name13">
                  <dgm:alg type="conn">
                    <dgm:param type="begPts" val="auto"/>
                    <dgm:param type="endPts" val="auto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1.35"/>
                <dgm:constr type="connDist"/>
                <dgm:constr type="w" for="ch" refType="connDist" fact="0.45"/>
                <dgm:constr type="h" for="ch" refType="h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14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4652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04414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58051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518239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865018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049599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675202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248505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27336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14446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297315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BB3B9D2-E7E4-468F-81B5-0C7DA3B7D0B4}" type="datetimeFigureOut">
              <a:rPr lang="en-GB" smtClean="0"/>
              <a:t>27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73265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7" Type="http://schemas.microsoft.com/office/2007/relationships/hdphoto" Target="../media/hdphoto6.wdp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.png"/><Relationship Id="rId5" Type="http://schemas.microsoft.com/office/2007/relationships/hdphoto" Target="../media/hdphoto5.wdp"/><Relationship Id="rId4" Type="http://schemas.openxmlformats.org/officeDocument/2006/relationships/image" Target="../media/image9.png"/></Relationships>
</file>

<file path=ppt/slides/_rels/slide11.xml.rels><?xml version="1.0" encoding="UTF-8" standalone="yes"?>
<Relationships xmlns="http://schemas.openxmlformats.org/package/2006/relationships"><Relationship Id="rId3" Type="http://schemas.microsoft.com/office/2007/relationships/hdphoto" Target="../media/hdphoto7.wdp"/><Relationship Id="rId7" Type="http://schemas.microsoft.com/office/2007/relationships/hdphoto" Target="../media/hdphoto9.wdp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png"/><Relationship Id="rId5" Type="http://schemas.microsoft.com/office/2007/relationships/hdphoto" Target="../media/hdphoto8.wdp"/><Relationship Id="rId4" Type="http://schemas.openxmlformats.org/officeDocument/2006/relationships/image" Target="../media/image12.png"/></Relationships>
</file>

<file path=ppt/slides/_rels/slide12.xml.rels><?xml version="1.0" encoding="UTF-8" standalone="yes"?>
<Relationships xmlns="http://schemas.openxmlformats.org/package/2006/relationships"><Relationship Id="rId3" Type="http://schemas.microsoft.com/office/2007/relationships/hdphoto" Target="../media/hdphoto10.wdp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png"/></Relationships>
</file>

<file path=ppt/slides/_rels/slide13.xml.rels><?xml version="1.0" encoding="UTF-8" standalone="yes"?>
<Relationships xmlns="http://schemas.openxmlformats.org/package/2006/relationships"><Relationship Id="rId3" Type="http://schemas.microsoft.com/office/2007/relationships/hdphoto" Target="../media/hdphoto11.wdp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microsoft.com/office/2007/relationships/hdphoto" Target="../media/hdphoto12.wdp"/><Relationship Id="rId4" Type="http://schemas.openxmlformats.org/officeDocument/2006/relationships/image" Target="../media/image17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5" Type="http://schemas.microsoft.com/office/2007/relationships/hdphoto" Target="../media/hdphoto13.wdp"/><Relationship Id="rId4" Type="http://schemas.openxmlformats.org/officeDocument/2006/relationships/image" Target="../media/image21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1.png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2utorverse/Brochure.git" TargetMode="External"/><Relationship Id="rId7" Type="http://schemas.openxmlformats.org/officeDocument/2006/relationships/hyperlink" Target="https://github.com/2utorverse/Gen-Academics.git" TargetMode="External"/><Relationship Id="rId2" Type="http://schemas.openxmlformats.org/officeDocument/2006/relationships/hyperlink" Target="mailto:2utorverse@gmail.com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github.com/2utorverse/Power-Resources.git" TargetMode="External"/><Relationship Id="rId5" Type="http://schemas.openxmlformats.org/officeDocument/2006/relationships/hyperlink" Target="https://github.com/2utorverse/Mathematics.git" TargetMode="External"/><Relationship Id="rId4" Type="http://schemas.openxmlformats.org/officeDocument/2006/relationships/hyperlink" Target="https://github.com/2utorverse/Orientation.git" TargetMode="Externa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microsoft.com/office/2007/relationships/hdphoto" Target="../media/hdphoto2.wdp"/><Relationship Id="rId5" Type="http://schemas.openxmlformats.org/officeDocument/2006/relationships/image" Target="../media/image5.png"/><Relationship Id="rId4" Type="http://schemas.microsoft.com/office/2007/relationships/hdphoto" Target="../media/hdphoto1.wdp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4" Type="http://schemas.microsoft.com/office/2007/relationships/hdphoto" Target="../media/hdphoto3.wdp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2890" y="1845318"/>
            <a:ext cx="8023565" cy="3095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115552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7140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ACTICE SHEET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="" xmlns:a16="http://schemas.microsoft.com/office/drawing/2014/main" id="{E6B7FB71-7FD2-46F0-8178-4E4F6B9C98A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112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251520" y="4149080"/>
            <a:ext cx="8640960" cy="2520018"/>
          </a:xfrm>
          <a:prstGeom prst="rect">
            <a:avLst/>
          </a:prstGeom>
          <a:effectLst>
            <a:glow rad="101600">
              <a:schemeClr val="accent2">
                <a:satMod val="175000"/>
                <a:alpha val="40000"/>
              </a:schemeClr>
            </a:glow>
          </a:effectLst>
        </p:spPr>
      </p:pic>
      <p:pic>
        <p:nvPicPr>
          <p:cNvPr id="8" name="Picture 7">
            <a:extLst>
              <a:ext uri="{FF2B5EF4-FFF2-40B4-BE49-F238E27FC236}">
                <a16:creationId xmlns="" xmlns:a16="http://schemas.microsoft.com/office/drawing/2014/main" id="{74B7E0AF-C55D-4403-9196-B174D9104FCD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prstClr val="black"/>
              <a:schemeClr val="accent1">
                <a:lumMod val="40000"/>
                <a:lumOff val="60000"/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20000" contrast="2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07504" y="796956"/>
            <a:ext cx="3895137" cy="3823928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="" xmlns:a16="http://schemas.microsoft.com/office/drawing/2014/main" id="{CF385EBF-3CFA-4400-A246-981DB97D55A0}"/>
              </a:ext>
            </a:extLst>
          </p:cNvPr>
          <p:cNvPicPr>
            <a:picLocks noChangeAspect="1"/>
          </p:cNvPicPr>
          <p:nvPr/>
        </p:nvPicPr>
        <p:blipFill>
          <a:blip r:embed="rId6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rightnessContrast contrast="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436096" y="671400"/>
            <a:ext cx="3528392" cy="3949484"/>
          </a:xfrm>
          <a:prstGeom prst="rect">
            <a:avLst/>
          </a:prstGeom>
          <a:effectLst>
            <a:glow rad="139700">
              <a:schemeClr val="accent5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5160456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144" y="0"/>
            <a:ext cx="9144000" cy="702696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ION NOT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="" xmlns:a16="http://schemas.microsoft.com/office/drawing/2014/main" id="{B593545D-F803-4E47-82CE-01472ED7E72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88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41799" y="736545"/>
            <a:ext cx="2958052" cy="3597608"/>
          </a:xfrm>
          <a:prstGeom prst="rect">
            <a:avLst/>
          </a:prstGeom>
          <a:ln>
            <a:solidFill>
              <a:schemeClr val="accent2">
                <a:lumMod val="75000"/>
              </a:schemeClr>
            </a:solidFill>
          </a:ln>
        </p:spPr>
      </p:pic>
      <p:pic>
        <p:nvPicPr>
          <p:cNvPr id="9" name="Picture 8">
            <a:extLst>
              <a:ext uri="{FF2B5EF4-FFF2-40B4-BE49-F238E27FC236}">
                <a16:creationId xmlns="" xmlns:a16="http://schemas.microsoft.com/office/drawing/2014/main" id="{31FD4EFB-DCF9-4CB3-900D-6927075B0667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contrast="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3165972" y="736545"/>
            <a:ext cx="5826010" cy="341253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="" xmlns:a16="http://schemas.microsoft.com/office/drawing/2014/main" id="{BD577DDA-FBBD-4466-82D6-01682C5E10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colorTemperature colorTemp="112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75780" y="4334153"/>
            <a:ext cx="8839966" cy="2523847"/>
          </a:xfrm>
          <a:prstGeom prst="rect">
            <a:avLst/>
          </a:prstGeom>
          <a:effectLst>
            <a:glow rad="139700">
              <a:schemeClr val="accent2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19899580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144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ION NOTE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="" xmlns:a16="http://schemas.microsoft.com/office/drawing/2014/main" id="{16205A83-3798-4CAE-8508-700A665F215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112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61764" y="1052736"/>
            <a:ext cx="8820472" cy="152601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="" xmlns:a16="http://schemas.microsoft.com/office/drawing/2014/main" id="{5F4E6DEB-F5CF-4EA4-9EE8-A36A99BDD541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prstClr val="black"/>
              <a:schemeClr val="accent1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36761" y="2852936"/>
            <a:ext cx="8945475" cy="37346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31266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TEST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="" xmlns:a16="http://schemas.microsoft.com/office/drawing/2014/main" id="{DDCCAC96-4E77-4DA9-90B1-4680B373FB7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88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4635292" y="1124744"/>
            <a:ext cx="4382781" cy="2304256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="" xmlns:a16="http://schemas.microsoft.com/office/drawing/2014/main" id="{B7107733-5299-4500-9E10-3E9AE74F769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colorTemperature colorTemp="53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-45548" y="1052736"/>
            <a:ext cx="4578020" cy="5662151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8" name="Picture 7">
            <a:extLst>
              <a:ext uri="{FF2B5EF4-FFF2-40B4-BE49-F238E27FC236}">
                <a16:creationId xmlns="" xmlns:a16="http://schemas.microsoft.com/office/drawing/2014/main" id="{0675379B-0DAD-4F0C-9832-C7AD3D20F873}"/>
              </a:ext>
            </a:extLst>
          </p:cNvPr>
          <p:cNvPicPr>
            <a:picLocks noChangeAspect="1"/>
          </p:cNvPicPr>
          <p:nvPr/>
        </p:nvPicPr>
        <p:blipFill>
          <a:blip r:embed="rId6">
            <a:duotone>
              <a:schemeClr val="accent5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4776471" y="3639734"/>
            <a:ext cx="4100422" cy="3033784"/>
          </a:xfrm>
          <a:prstGeom prst="rect">
            <a:avLst/>
          </a:prstGeom>
          <a:effectLst>
            <a:glow rad="139700">
              <a:schemeClr val="accent2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156055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TEST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="" xmlns:a16="http://schemas.microsoft.com/office/drawing/2014/main" id="{AD31AA6F-3FEA-4959-A0D4-42454439900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7504" y="1052736"/>
            <a:ext cx="4320480" cy="3368332"/>
          </a:xfrm>
          <a:prstGeom prst="rect">
            <a:avLst/>
          </a:prstGeom>
          <a:effectLst>
            <a:glow rad="139700">
              <a:schemeClr val="accent3">
                <a:satMod val="175000"/>
                <a:alpha val="40000"/>
              </a:schemeClr>
            </a:glow>
          </a:effectLst>
        </p:spPr>
      </p:pic>
      <p:pic>
        <p:nvPicPr>
          <p:cNvPr id="9" name="Picture 8">
            <a:extLst>
              <a:ext uri="{FF2B5EF4-FFF2-40B4-BE49-F238E27FC236}">
                <a16:creationId xmlns="" xmlns:a16="http://schemas.microsoft.com/office/drawing/2014/main" id="{8092FE63-AC4F-4119-BD2C-04CF74CE0BBC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6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395536" y="4797152"/>
            <a:ext cx="3014572" cy="1872208"/>
          </a:xfrm>
          <a:prstGeom prst="rect">
            <a:avLst/>
          </a:prstGeom>
          <a:effectLst>
            <a:glow rad="139700">
              <a:schemeClr val="accent6">
                <a:satMod val="175000"/>
                <a:alpha val="40000"/>
              </a:schemeClr>
            </a:glow>
          </a:effectLst>
        </p:spPr>
      </p:pic>
      <p:sp>
        <p:nvSpPr>
          <p:cNvPr id="10" name="Rectangle 9">
            <a:extLst>
              <a:ext uri="{FF2B5EF4-FFF2-40B4-BE49-F238E27FC236}">
                <a16:creationId xmlns="" xmlns:a16="http://schemas.microsoft.com/office/drawing/2014/main" id="{13131F7A-18F0-4DA6-9D5D-E3235FB1A46F}"/>
              </a:ext>
            </a:extLst>
          </p:cNvPr>
          <p:cNvSpPr/>
          <p:nvPr/>
        </p:nvSpPr>
        <p:spPr>
          <a:xfrm>
            <a:off x="7812360" y="1340768"/>
            <a:ext cx="792088" cy="21602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pic>
        <p:nvPicPr>
          <p:cNvPr id="12" name="Picture 11">
            <a:extLst>
              <a:ext uri="{FF2B5EF4-FFF2-40B4-BE49-F238E27FC236}">
                <a16:creationId xmlns="" xmlns:a16="http://schemas.microsoft.com/office/drawing/2014/main" id="{0F4E1BE2-667A-4044-AAFF-D9BBC845DC84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2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4475471" y="980728"/>
            <a:ext cx="4561025" cy="56886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49431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-36512" y="-11759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FORMANCE ANALYSIS</a:t>
            </a:r>
            <a:endParaRPr lang="en-GB" sz="3600" b="1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aphicFrame>
        <p:nvGraphicFramePr>
          <p:cNvPr id="2" name="Chart 1"/>
          <p:cNvGraphicFramePr/>
          <p:nvPr>
            <p:extLst>
              <p:ext uri="{D42A27DB-BD31-4B8C-83A1-F6EECF244321}">
                <p14:modId xmlns:p14="http://schemas.microsoft.com/office/powerpoint/2010/main" val="713309021"/>
              </p:ext>
            </p:extLst>
          </p:nvPr>
        </p:nvGraphicFramePr>
        <p:xfrm>
          <a:off x="1043608" y="1397000"/>
          <a:ext cx="7200800" cy="462428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354294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AY AHEAD</a:t>
            </a:r>
            <a:endParaRPr lang="en-GB" sz="3600" b="1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="" xmlns:a16="http://schemas.microsoft.com/office/drawing/2014/main" id="{13131F7A-18F0-4DA6-9D5D-E3235FB1A46F}"/>
              </a:ext>
            </a:extLst>
          </p:cNvPr>
          <p:cNvSpPr/>
          <p:nvPr/>
        </p:nvSpPr>
        <p:spPr>
          <a:xfrm>
            <a:off x="7812360" y="1340768"/>
            <a:ext cx="792088" cy="21602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0" y="1124744"/>
            <a:ext cx="2427008" cy="1872208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>
            <a:glow rad="139700">
              <a:schemeClr val="accent5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72199" y="3775607"/>
            <a:ext cx="2533787" cy="288998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>
            <a:glow rad="1397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71748" y="1066719"/>
            <a:ext cx="2281223" cy="2117022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>
            <a:glow rad="139700">
              <a:schemeClr val="accent4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0" y="3789040"/>
            <a:ext cx="2791767" cy="2876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0" name="Picture 6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65347" y="1124744"/>
            <a:ext cx="3424211" cy="5683588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>
            <a:glow rad="228600">
              <a:schemeClr val="accent3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52107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OOKING BEYOND</a:t>
            </a:r>
            <a:endParaRPr lang="en-GB" sz="3600" b="1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="" xmlns:a16="http://schemas.microsoft.com/office/drawing/2014/main" id="{13131F7A-18F0-4DA6-9D5D-E3235FB1A46F}"/>
              </a:ext>
            </a:extLst>
          </p:cNvPr>
          <p:cNvSpPr/>
          <p:nvPr/>
        </p:nvSpPr>
        <p:spPr>
          <a:xfrm>
            <a:off x="7812360" y="1340768"/>
            <a:ext cx="792088" cy="21602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552" y="1052738"/>
            <a:ext cx="2160240" cy="249513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>
            <a:glow rad="139700">
              <a:schemeClr val="accent4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17433" y="1052737"/>
            <a:ext cx="2306695" cy="249513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>
            <a:glow rad="1397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2052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16216" y="1052736"/>
            <a:ext cx="2319887" cy="2495139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>
            <a:glow rad="228600">
              <a:schemeClr val="accent6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2053" name="Picture 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07704" y="3789040"/>
            <a:ext cx="2432417" cy="2698975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>
            <a:glow rad="228600">
              <a:schemeClr val="accent5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2054" name="Picture 6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32040" y="3789040"/>
            <a:ext cx="2520280" cy="2698975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>
            <a:glow rad="228600">
              <a:schemeClr val="accent2">
                <a:satMod val="175000"/>
                <a:alpha val="40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234606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UNICATION</a:t>
            </a:r>
            <a:endParaRPr lang="en-GB" sz="3600" b="1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="" xmlns:a16="http://schemas.microsoft.com/office/drawing/2014/main" id="{13131F7A-18F0-4DA6-9D5D-E3235FB1A46F}"/>
              </a:ext>
            </a:extLst>
          </p:cNvPr>
          <p:cNvSpPr/>
          <p:nvPr/>
        </p:nvSpPr>
        <p:spPr>
          <a:xfrm>
            <a:off x="7812360" y="1340768"/>
            <a:ext cx="792088" cy="21602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" name="TextBox 2"/>
          <p:cNvSpPr txBox="1"/>
          <p:nvPr/>
        </p:nvSpPr>
        <p:spPr>
          <a:xfrm>
            <a:off x="179512" y="980728"/>
            <a:ext cx="8784976" cy="51398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200000"/>
              </a:lnSpc>
            </a:pPr>
            <a:r>
              <a:rPr lang="en-GB" sz="24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MAIL</a:t>
            </a:r>
            <a:r>
              <a:rPr lang="en-GB" sz="2400" b="1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            :  </a:t>
            </a:r>
            <a:r>
              <a:rPr lang="en-GB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📧</a:t>
            </a:r>
            <a:r>
              <a:rPr lang="en-GB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   </a:t>
            </a:r>
            <a:r>
              <a:rPr lang="en-GB" sz="2400" dirty="0" smtClean="0">
                <a:latin typeface="Arial" panose="020B0604020202020204" pitchFamily="34" charset="0"/>
                <a:cs typeface="Arial" panose="020B0604020202020204" pitchFamily="34" charset="0"/>
                <a:hlinkClick r:id="rId2"/>
              </a:rPr>
              <a:t>2utorverse@gmail.com</a:t>
            </a:r>
            <a:endParaRPr lang="en-GB" sz="2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200000"/>
              </a:lnSpc>
            </a:pPr>
            <a:r>
              <a:rPr lang="en-GB" sz="24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 Address</a:t>
            </a:r>
            <a:r>
              <a:rPr lang="en-GB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:</a:t>
            </a:r>
            <a:r>
              <a:rPr lang="en-GB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  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  <a:hlinkClick r:id="rId3"/>
              </a:rPr>
              <a:t>https</a:t>
            </a:r>
            <a:r>
              <a:rPr lang="en-GB" sz="2000" dirty="0">
                <a:latin typeface="Arial" panose="020B0604020202020204" pitchFamily="34" charset="0"/>
                <a:cs typeface="Arial" panose="020B0604020202020204" pitchFamily="34" charset="0"/>
                <a:hlinkClick r:id="rId3"/>
              </a:rPr>
              <a:t>://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  <a:hlinkClick r:id="rId3"/>
              </a:rPr>
              <a:t>github.com/2utorverse/Brochure.git</a:t>
            </a:r>
            <a:endParaRPr lang="en-GB" sz="20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200000"/>
              </a:lnSpc>
            </a:pPr>
            <a:r>
              <a:rPr lang="en-GB" sz="2000" dirty="0">
                <a:latin typeface="Arial" panose="020B0604020202020204" pitchFamily="34" charset="0"/>
                <a:cs typeface="Arial" panose="020B0604020202020204" pitchFamily="34" charset="0"/>
              </a:rPr>
              <a:t>		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      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https</a:t>
            </a:r>
            <a:r>
              <a:rPr lang="en-GB" sz="2000" dirty="0"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://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github.com/2utorverse/Orientation.git</a:t>
            </a:r>
            <a:endParaRPr lang="en-GB" sz="20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200000"/>
              </a:lnSpc>
            </a:pPr>
            <a:r>
              <a:rPr lang="en-GB" sz="2000" dirty="0">
                <a:latin typeface="Arial" panose="020B0604020202020204" pitchFamily="34" charset="0"/>
                <a:cs typeface="Arial" panose="020B0604020202020204" pitchFamily="34" charset="0"/>
              </a:rPr>
              <a:t>		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      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  <a:hlinkClick r:id="rId5"/>
              </a:rPr>
              <a:t>https</a:t>
            </a:r>
            <a:r>
              <a:rPr lang="en-GB" sz="2000" dirty="0">
                <a:latin typeface="Arial" panose="020B0604020202020204" pitchFamily="34" charset="0"/>
                <a:cs typeface="Arial" panose="020B0604020202020204" pitchFamily="34" charset="0"/>
                <a:hlinkClick r:id="rId5"/>
              </a:rPr>
              <a:t>://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  <a:hlinkClick r:id="rId5"/>
              </a:rPr>
              <a:t>github.com/2utorverse/Mathematics.git</a:t>
            </a:r>
            <a:endParaRPr lang="en-GB" sz="20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200000"/>
              </a:lnSpc>
            </a:pPr>
            <a:r>
              <a:rPr lang="en-GB" sz="2400" dirty="0">
                <a:latin typeface="Arial" panose="020B0604020202020204" pitchFamily="34" charset="0"/>
                <a:cs typeface="Arial" panose="020B0604020202020204" pitchFamily="34" charset="0"/>
              </a:rPr>
              <a:t>  		</a:t>
            </a:r>
            <a:r>
              <a:rPr lang="en-GB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   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  </a:t>
            </a:r>
            <a:r>
              <a:rPr lang="en-GB" sz="2000" dirty="0">
                <a:latin typeface="Arial" panose="020B0604020202020204" pitchFamily="34" charset="0"/>
                <a:cs typeface="Arial" panose="020B0604020202020204" pitchFamily="34" charset="0"/>
                <a:hlinkClick r:id="rId6"/>
              </a:rPr>
              <a:t>https://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  <a:hlinkClick r:id="rId6"/>
              </a:rPr>
              <a:t>github.com/2utorverse/Power-Resources.git</a:t>
            </a:r>
            <a:endParaRPr lang="en-GB" sz="20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200000"/>
              </a:lnSpc>
            </a:pPr>
            <a:r>
              <a:rPr lang="en-GB" sz="2000" dirty="0">
                <a:latin typeface="Arial" panose="020B0604020202020204" pitchFamily="34" charset="0"/>
                <a:cs typeface="Arial" panose="020B0604020202020204" pitchFamily="34" charset="0"/>
              </a:rPr>
              <a:t>		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      </a:t>
            </a:r>
            <a:r>
              <a:rPr lang="en-GB" sz="2000" dirty="0">
                <a:latin typeface="Arial" panose="020B0604020202020204" pitchFamily="34" charset="0"/>
                <a:cs typeface="Arial" panose="020B0604020202020204" pitchFamily="34" charset="0"/>
                <a:hlinkClick r:id="rId7"/>
              </a:rPr>
              <a:t>https://</a:t>
            </a:r>
            <a:r>
              <a:rPr lang="en-GB" sz="2000" dirty="0" smtClean="0">
                <a:latin typeface="Arial" panose="020B0604020202020204" pitchFamily="34" charset="0"/>
                <a:cs typeface="Arial" panose="020B0604020202020204" pitchFamily="34" charset="0"/>
                <a:hlinkClick r:id="rId7"/>
              </a:rPr>
              <a:t>github.com/2utorverse/Gen-Academics.git</a:t>
            </a:r>
            <a:endParaRPr lang="en-GB" sz="20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200000"/>
              </a:lnSpc>
            </a:pPr>
            <a:r>
              <a:rPr lang="en-GB" sz="24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TACT</a:t>
            </a:r>
            <a:r>
              <a:rPr lang="en-GB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      </a:t>
            </a:r>
            <a:r>
              <a:rPr lang="en-GB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:</a:t>
            </a:r>
            <a:r>
              <a:rPr lang="en-GB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  </a:t>
            </a:r>
            <a:r>
              <a:rPr lang="en-GB" sz="2400" b="1" u="sng" dirty="0" smtClean="0">
                <a:solidFill>
                  <a:srgbClr val="009A4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9910512343</a:t>
            </a:r>
            <a:endParaRPr lang="en-GB" sz="2400" b="1" u="sng" dirty="0">
              <a:solidFill>
                <a:srgbClr val="009A4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050256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21684" y="3140968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pPr algn="l"/>
            <a:r>
              <a:rPr lang="en-GB" sz="3600" b="1" dirty="0">
                <a:solidFill>
                  <a:srgbClr val="FF0000"/>
                </a:solidFill>
                <a:latin typeface="Magneto" panose="04030805050802020D02" pitchFamily="82" charset="0"/>
                <a:cs typeface="Arial" panose="020B0604020202020204" pitchFamily="34" charset="0"/>
              </a:rPr>
              <a:t> </a:t>
            </a:r>
            <a:r>
              <a:rPr lang="en-GB" sz="3600" b="1" u="sng" dirty="0">
                <a:solidFill>
                  <a:srgbClr val="FF0000"/>
                </a:solidFill>
                <a:latin typeface="Magneto" panose="04030805050802020D02" pitchFamily="82" charset="0"/>
                <a:cs typeface="Arial" panose="020B0604020202020204" pitchFamily="34" charset="0"/>
              </a:rPr>
              <a:t>GOOD WISHES</a:t>
            </a: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60032" y="1065437"/>
            <a:ext cx="4032448" cy="51798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6528525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36512" y="-11759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VIEW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5536" y="1052736"/>
            <a:ext cx="8424936" cy="5544616"/>
          </a:xfrm>
        </p:spPr>
        <p:txBody>
          <a:bodyPr>
            <a:normAutofit fontScale="77500" lnSpcReduction="20000"/>
          </a:bodyPr>
          <a:lstStyle/>
          <a:p>
            <a:pPr>
              <a:lnSpc>
                <a:spcPct val="150000"/>
              </a:lnSpc>
            </a:pPr>
            <a:r>
              <a:rPr lang="en-GB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alytical Approach</a:t>
            </a:r>
            <a:endParaRPr lang="en-GB" dirty="0">
              <a:solidFill>
                <a:srgbClr val="C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ividual assessment charts</a:t>
            </a:r>
          </a:p>
          <a:p>
            <a:pPr>
              <a:lnSpc>
                <a:spcPct val="150000"/>
              </a:lnSpc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Free Learning material (</a:t>
            </a:r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incl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access to additional resources for overall </a:t>
            </a:r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devp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in Academic Perspectives)</a:t>
            </a: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ulae Charts &amp; Work Sheets</a:t>
            </a:r>
            <a:endParaRPr lang="en-GB" dirty="0">
              <a:solidFill>
                <a:srgbClr val="C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iodical Assessment Tests</a:t>
            </a:r>
          </a:p>
          <a:p>
            <a:pPr>
              <a:lnSpc>
                <a:spcPct val="150000"/>
              </a:lnSpc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Emphasis Areas &amp; Scope refinement</a:t>
            </a:r>
            <a:endParaRPr lang="en-GB" dirty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ck Tests </a:t>
            </a:r>
            <a:endParaRPr lang="en-GB" dirty="0">
              <a:solidFill>
                <a:srgbClr val="C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ion Sessions</a:t>
            </a:r>
          </a:p>
        </p:txBody>
      </p:sp>
    </p:spTree>
    <p:extLst>
      <p:ext uri="{BB962C8B-B14F-4D97-AF65-F5344CB8AC3E}">
        <p14:creationId xmlns:p14="http://schemas.microsoft.com/office/powerpoint/2010/main" val="29263293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1311326206"/>
              </p:ext>
            </p:extLst>
          </p:nvPr>
        </p:nvGraphicFramePr>
        <p:xfrm>
          <a:off x="-108520" y="1008112"/>
          <a:ext cx="9144000" cy="566124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-36512" y="-11759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UTORING PATTERNS</a:t>
            </a:r>
            <a:endParaRPr lang="en-GB" sz="3600" b="1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09416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7" name="OTLSHAPE_SL_ded439910830471590a03b056e016bf1_BackgroundRectangle" hidden="1"/>
          <p:cNvSpPr/>
          <p:nvPr>
            <p:custDataLst>
              <p:tags r:id="rId2"/>
            </p:custDataLst>
          </p:nvPr>
        </p:nvSpPr>
        <p:spPr>
          <a:xfrm>
            <a:off x="63500" y="6034404"/>
            <a:ext cx="8610600" cy="665480"/>
          </a:xfrm>
          <a:prstGeom prst="rect">
            <a:avLst/>
          </a:prstGeom>
          <a:solidFill>
            <a:srgbClr val="70AD47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1" name="OTLSHAPE_SL2A_92ca0d46c2a24f5dbdbfbd6e5e51bbe4_BackgroundRectangle"/>
          <p:cNvSpPr/>
          <p:nvPr>
            <p:custDataLst>
              <p:tags r:id="rId3"/>
            </p:custDataLst>
          </p:nvPr>
        </p:nvSpPr>
        <p:spPr>
          <a:xfrm>
            <a:off x="642535" y="6034404"/>
            <a:ext cx="8039100" cy="6654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43" name="OTLSHAPE_SL_404e9b0b97204a1581c8e1b40d889f44_BackgroundRectangle" hidden="1"/>
          <p:cNvSpPr/>
          <p:nvPr>
            <p:custDataLst>
              <p:tags r:id="rId4"/>
            </p:custDataLst>
          </p:nvPr>
        </p:nvSpPr>
        <p:spPr>
          <a:xfrm>
            <a:off x="63500" y="3616324"/>
            <a:ext cx="8610600" cy="1236980"/>
          </a:xfrm>
          <a:prstGeom prst="rect">
            <a:avLst/>
          </a:prstGeom>
          <a:solidFill>
            <a:srgbClr val="FFC000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6" name="OTLSHAPE_SL_59d10b65d8f44d4c81301579013956dc_BackgroundRectangle" hidden="1"/>
          <p:cNvSpPr/>
          <p:nvPr>
            <p:custDataLst>
              <p:tags r:id="rId5"/>
            </p:custDataLst>
          </p:nvPr>
        </p:nvSpPr>
        <p:spPr>
          <a:xfrm>
            <a:off x="63500" y="4916804"/>
            <a:ext cx="8610600" cy="1054100"/>
          </a:xfrm>
          <a:prstGeom prst="rect">
            <a:avLst/>
          </a:prstGeom>
          <a:solidFill>
            <a:srgbClr val="ED7D31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1" name="OTLSHAPE_SL2A_a7b6de4a235242828f3b72d1190506d0_BackgroundRectangle"/>
          <p:cNvSpPr/>
          <p:nvPr>
            <p:custDataLst>
              <p:tags r:id="rId6"/>
            </p:custDataLst>
          </p:nvPr>
        </p:nvSpPr>
        <p:spPr>
          <a:xfrm>
            <a:off x="642535" y="3616324"/>
            <a:ext cx="8039100" cy="12369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63" name="OTLSHAPE_SL2A_e53e6d7928254eedb65e4ca22b7b691b_BackgroundRectangle"/>
          <p:cNvSpPr/>
          <p:nvPr>
            <p:custDataLst>
              <p:tags r:id="rId7"/>
            </p:custDataLst>
          </p:nvPr>
        </p:nvSpPr>
        <p:spPr>
          <a:xfrm>
            <a:off x="642535" y="4916804"/>
            <a:ext cx="8039100" cy="1054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274997" y="547127"/>
            <a:ext cx="910506" cy="4924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rgbClr val="ED7D3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798221" y="2913062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rgbClr val="ED7D3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23</a:t>
            </a:r>
          </a:p>
        </p:txBody>
      </p:sp>
      <p:cxnSp>
        <p:nvCxnSpPr>
          <p:cNvPr id="994" name="OTLSHAPE_T_5a327121df1d48c08735b14a0f6abbae_LeftVerticalConnector1"/>
          <p:cNvCxnSpPr/>
          <p:nvPr>
            <p:custDataLst>
              <p:tags r:id="rId10"/>
            </p:custDataLst>
          </p:nvPr>
        </p:nvCxnSpPr>
        <p:spPr>
          <a:xfrm>
            <a:off x="2367524" y="544109"/>
            <a:ext cx="0" cy="16815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5" name="OTLSHAPE_T_5a327121df1d48c08735b14a0f6abbae_LeftVerticalConnector2"/>
          <p:cNvCxnSpPr/>
          <p:nvPr>
            <p:custDataLst>
              <p:tags r:id="rId11"/>
            </p:custDataLst>
          </p:nvPr>
        </p:nvCxnSpPr>
        <p:spPr>
          <a:xfrm>
            <a:off x="2367524" y="251396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6" name="OTLSHAPE_T_5a327121df1d48c08735b14a0f6abbae_RightVerticalConnector1"/>
          <p:cNvCxnSpPr/>
          <p:nvPr>
            <p:custDataLst>
              <p:tags r:id="rId12"/>
            </p:custDataLst>
          </p:nvPr>
        </p:nvCxnSpPr>
        <p:spPr>
          <a:xfrm>
            <a:off x="3956390" y="551412"/>
            <a:ext cx="0" cy="21784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8" name="OTLSHAPE_T_34a52c17e41145e9854beae5a2421c70_LeftVerticalConnector1"/>
          <p:cNvCxnSpPr/>
          <p:nvPr>
            <p:custDataLst>
              <p:tags r:id="rId13"/>
            </p:custDataLst>
          </p:nvPr>
        </p:nvCxnSpPr>
        <p:spPr>
          <a:xfrm>
            <a:off x="3127422" y="541887"/>
            <a:ext cx="0" cy="21879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0" name="OTLSHAPE_T_34a52c17e41145e9854beae5a2421c70_RightVerticalConnector1"/>
          <p:cNvCxnSpPr/>
          <p:nvPr>
            <p:custDataLst>
              <p:tags r:id="rId14"/>
            </p:custDataLst>
          </p:nvPr>
        </p:nvCxnSpPr>
        <p:spPr>
          <a:xfrm>
            <a:off x="3680063" y="541887"/>
            <a:ext cx="0" cy="21879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1" name="OTLSHAPE_T_6cc534037fad4091b6f956abfba2e588_LeftVerticalConnector1"/>
          <p:cNvCxnSpPr/>
          <p:nvPr>
            <p:custDataLst>
              <p:tags r:id="rId15"/>
            </p:custDataLst>
          </p:nvPr>
        </p:nvCxnSpPr>
        <p:spPr>
          <a:xfrm>
            <a:off x="4180917" y="862562"/>
            <a:ext cx="0" cy="18673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2" name="OTLSHAPE_T_6cc534037fad4091b6f956abfba2e588_RightVerticalConnector1"/>
          <p:cNvCxnSpPr/>
          <p:nvPr>
            <p:custDataLst>
              <p:tags r:id="rId16"/>
            </p:custDataLst>
          </p:nvPr>
        </p:nvCxnSpPr>
        <p:spPr>
          <a:xfrm>
            <a:off x="5268940" y="1254992"/>
            <a:ext cx="0" cy="147487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3" name="OTLSHAPE_T_880481882001454b836b097158152730_LeftVerticalConnector1"/>
          <p:cNvCxnSpPr/>
          <p:nvPr>
            <p:custDataLst>
              <p:tags r:id="rId17"/>
            </p:custDataLst>
          </p:nvPr>
        </p:nvCxnSpPr>
        <p:spPr>
          <a:xfrm>
            <a:off x="5545279" y="1254992"/>
            <a:ext cx="0" cy="147487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4" name="OTLSHAPE_T_880481882001454b836b097158152730_RightVerticalConnector1"/>
          <p:cNvCxnSpPr/>
          <p:nvPr>
            <p:custDataLst>
              <p:tags r:id="rId18"/>
            </p:custDataLst>
          </p:nvPr>
        </p:nvCxnSpPr>
        <p:spPr>
          <a:xfrm>
            <a:off x="5717971" y="1054014"/>
            <a:ext cx="0" cy="167585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5" name="OTLSHAPE_T_ae2edfec1e5043e1bbb410b2af714631_LeftVerticalConnector1" hidden="1"/>
          <p:cNvCxnSpPr/>
          <p:nvPr>
            <p:custDataLst>
              <p:tags r:id="rId19"/>
            </p:custDataLst>
          </p:nvPr>
        </p:nvCxnSpPr>
        <p:spPr>
          <a:xfrm>
            <a:off x="5614360" y="1450657"/>
            <a:ext cx="0" cy="12671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6" name="OTLSHAPE_T_ae2edfec1e5043e1bbb410b2af714631_RightVerticalConnector1"/>
          <p:cNvCxnSpPr/>
          <p:nvPr>
            <p:custDataLst>
              <p:tags r:id="rId20"/>
            </p:custDataLst>
          </p:nvPr>
        </p:nvCxnSpPr>
        <p:spPr>
          <a:xfrm>
            <a:off x="6754195" y="1637897"/>
            <a:ext cx="0" cy="10919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7" name="OTLSHAPE_T_620dbe48f4284b7ab23c82128ace3e8e_LeftVerticalConnector1"/>
          <p:cNvCxnSpPr/>
          <p:nvPr>
            <p:custDataLst>
              <p:tags r:id="rId21"/>
            </p:custDataLst>
          </p:nvPr>
        </p:nvCxnSpPr>
        <p:spPr>
          <a:xfrm>
            <a:off x="6978722" y="1822047"/>
            <a:ext cx="0" cy="90781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9" name="OTLSHAPE_T_620dbe48f4284b7ab23c82128ace3e8e_RightVerticalConnector1"/>
          <p:cNvCxnSpPr/>
          <p:nvPr>
            <p:custDataLst>
              <p:tags r:id="rId22"/>
            </p:custDataLst>
          </p:nvPr>
        </p:nvCxnSpPr>
        <p:spPr>
          <a:xfrm>
            <a:off x="7185955" y="1436919"/>
            <a:ext cx="0" cy="25368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" name="OTLSHAPE_T_620dbe48f4284b7ab23c82128ace3e8e_RightVerticalConnector2"/>
          <p:cNvCxnSpPr/>
          <p:nvPr>
            <p:custDataLst>
              <p:tags r:id="rId23"/>
            </p:custDataLst>
          </p:nvPr>
        </p:nvCxnSpPr>
        <p:spPr>
          <a:xfrm>
            <a:off x="7185955" y="1822047"/>
            <a:ext cx="0" cy="90781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1" name="OTLSHAPE_T_06dce677117b4b7ab33c47b6352428d0_LeftVerticalConnector1" hidden="1"/>
          <p:cNvCxnSpPr/>
          <p:nvPr>
            <p:custDataLst>
              <p:tags r:id="rId24"/>
            </p:custDataLst>
          </p:nvPr>
        </p:nvCxnSpPr>
        <p:spPr>
          <a:xfrm>
            <a:off x="7151426" y="2003108"/>
            <a:ext cx="0" cy="71469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2" name="OTLSHAPE_T_06dce677117b4b7ab33c47b6352428d0_RightVerticalConnector1"/>
          <p:cNvCxnSpPr/>
          <p:nvPr>
            <p:custDataLst>
              <p:tags r:id="rId25"/>
            </p:custDataLst>
          </p:nvPr>
        </p:nvCxnSpPr>
        <p:spPr>
          <a:xfrm>
            <a:off x="7911312" y="1628372"/>
            <a:ext cx="0" cy="2468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4" name="OTLSHAPE_T_e5d07ea2b0f54e5cb94b62aec323e59a_LeftVerticalConnector1" hidden="1"/>
          <p:cNvCxnSpPr/>
          <p:nvPr>
            <p:custDataLst>
              <p:tags r:id="rId26"/>
            </p:custDataLst>
          </p:nvPr>
        </p:nvCxnSpPr>
        <p:spPr>
          <a:xfrm>
            <a:off x="7997676" y="1974849"/>
            <a:ext cx="0" cy="4667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6" name="OTLSHAPE_T_e5d07ea2b0f54e5cb94b62aec323e59a_RightVerticalConnector1"/>
          <p:cNvCxnSpPr/>
          <p:nvPr>
            <p:custDataLst>
              <p:tags r:id="rId27"/>
            </p:custDataLst>
          </p:nvPr>
        </p:nvCxnSpPr>
        <p:spPr>
          <a:xfrm>
            <a:off x="8153098" y="1819824"/>
            <a:ext cx="0" cy="9100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7" name="OTLSHAPE_T_5a327121df1d48c08735b14a0f6abbae_HorizontalConnector1"/>
          <p:cNvCxnSpPr/>
          <p:nvPr>
            <p:custDataLst>
              <p:tags r:id="rId28"/>
            </p:custDataLst>
          </p:nvPr>
        </p:nvCxnSpPr>
        <p:spPr>
          <a:xfrm>
            <a:off x="686054" y="286934"/>
            <a:ext cx="9038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8" name="OTLSHAPE_T_6cc534037fad4091b6f956abfba2e588_HorizontalConnector1"/>
          <p:cNvCxnSpPr/>
          <p:nvPr>
            <p:custDataLst>
              <p:tags r:id="rId29"/>
            </p:custDataLst>
          </p:nvPr>
        </p:nvCxnSpPr>
        <p:spPr>
          <a:xfrm>
            <a:off x="686054" y="799062"/>
            <a:ext cx="349486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9" name="OTLSHAPE_T_ae2edfec1e5043e1bbb410b2af714631_HorizontalConnector1"/>
          <p:cNvCxnSpPr/>
          <p:nvPr>
            <p:custDataLst>
              <p:tags r:id="rId30"/>
            </p:custDataLst>
          </p:nvPr>
        </p:nvCxnSpPr>
        <p:spPr>
          <a:xfrm>
            <a:off x="686054" y="1181967"/>
            <a:ext cx="40707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0" name="OTLSHAPE_T_06dce677117b4b7ab33c47b6352428d0_HorizontalConnector1"/>
          <p:cNvCxnSpPr/>
          <p:nvPr>
            <p:custDataLst>
              <p:tags r:id="rId31"/>
            </p:custDataLst>
          </p:nvPr>
        </p:nvCxnSpPr>
        <p:spPr>
          <a:xfrm>
            <a:off x="686054" y="1564872"/>
            <a:ext cx="563038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3" name="OTLSHAPE_T_06dce677117b4b7ab33c47b6352428d0_RightVerticalConnector2"/>
          <p:cNvCxnSpPr/>
          <p:nvPr>
            <p:custDataLst>
              <p:tags r:id="rId32"/>
            </p:custDataLst>
          </p:nvPr>
        </p:nvCxnSpPr>
        <p:spPr>
          <a:xfrm>
            <a:off x="7911312" y="2014727"/>
            <a:ext cx="0" cy="7151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b8291b0ec7604400ac51d0c04d327dc8_MiddleVerticalConnector1"/>
          <p:cNvCxnSpPr/>
          <p:nvPr>
            <p:custDataLst>
              <p:tags r:id="rId33"/>
            </p:custDataLst>
          </p:nvPr>
        </p:nvCxnSpPr>
        <p:spPr>
          <a:xfrm>
            <a:off x="8196273" y="1881462"/>
            <a:ext cx="0" cy="8484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1" name="OTLSHAPE_TB_00000000000000000000000000000000_ScaleContainer"/>
          <p:cNvSpPr/>
          <p:nvPr>
            <p:custDataLst>
              <p:tags r:id="rId34"/>
            </p:custDataLst>
          </p:nvPr>
        </p:nvSpPr>
        <p:spPr>
          <a:xfrm>
            <a:off x="1348571" y="2729864"/>
            <a:ext cx="7327900" cy="381000"/>
          </a:xfrm>
          <a:prstGeom prst="rect">
            <a:avLst/>
          </a:prstGeom>
          <a:solidFill>
            <a:srgbClr val="40404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8" name="OTLSHAPE_SL_ded439910830471590a03b056e016bf1_HeaderRectangle"/>
          <p:cNvSpPr/>
          <p:nvPr>
            <p:custDataLst>
              <p:tags r:id="rId35"/>
            </p:custDataLst>
          </p:nvPr>
        </p:nvSpPr>
        <p:spPr>
          <a:xfrm>
            <a:off x="63500" y="6034404"/>
            <a:ext cx="1013596" cy="66548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44" name="OTLSHAPE_SL_404e9b0b97204a1581c8e1b40d889f44_HeaderRectangle"/>
          <p:cNvSpPr/>
          <p:nvPr>
            <p:custDataLst>
              <p:tags r:id="rId36"/>
            </p:custDataLst>
          </p:nvPr>
        </p:nvSpPr>
        <p:spPr>
          <a:xfrm>
            <a:off x="63499" y="3616324"/>
            <a:ext cx="1026485" cy="123698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47" name="OTLSHAPE_SL_59d10b65d8f44d4c81301579013956dc_HeaderRectangle"/>
          <p:cNvSpPr/>
          <p:nvPr>
            <p:custDataLst>
              <p:tags r:id="rId37"/>
            </p:custDataLst>
          </p:nvPr>
        </p:nvSpPr>
        <p:spPr>
          <a:xfrm>
            <a:off x="63500" y="4916804"/>
            <a:ext cx="1026484" cy="1054100"/>
          </a:xfrm>
          <a:prstGeom prst="rect">
            <a:avLst/>
          </a:prstGeom>
          <a:solidFill>
            <a:srgbClr val="ED7D3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730" name="OTLSHAPE_G_00000000000000000000000000000000_ShapeBelow0"/>
          <p:cNvCxnSpPr/>
          <p:nvPr>
            <p:custDataLst>
              <p:tags r:id="rId38"/>
            </p:custDataLst>
          </p:nvPr>
        </p:nvCxnSpPr>
        <p:spPr>
          <a:xfrm>
            <a:off x="2367524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1" name="OTLSHAPE_G_00000000000000000000000000000000_ShapeBelow1"/>
          <p:cNvCxnSpPr/>
          <p:nvPr>
            <p:custDataLst>
              <p:tags r:id="rId39"/>
            </p:custDataLst>
          </p:nvPr>
        </p:nvCxnSpPr>
        <p:spPr>
          <a:xfrm>
            <a:off x="3421019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2" name="OTLSHAPE_G_00000000000000000000000000000000_ShapeBelow2"/>
          <p:cNvCxnSpPr/>
          <p:nvPr>
            <p:custDataLst>
              <p:tags r:id="rId40"/>
            </p:custDataLst>
          </p:nvPr>
        </p:nvCxnSpPr>
        <p:spPr>
          <a:xfrm>
            <a:off x="4474513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3" name="OTLSHAPE_G_00000000000000000000000000000000_ShapeBelow3"/>
          <p:cNvCxnSpPr/>
          <p:nvPr>
            <p:custDataLst>
              <p:tags r:id="rId41"/>
            </p:custDataLst>
          </p:nvPr>
        </p:nvCxnSpPr>
        <p:spPr>
          <a:xfrm>
            <a:off x="5528008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4" name="OTLSHAPE_G_00000000000000000000000000000000_ShapeBelow4"/>
          <p:cNvCxnSpPr/>
          <p:nvPr>
            <p:custDataLst>
              <p:tags r:id="rId42"/>
            </p:custDataLst>
          </p:nvPr>
        </p:nvCxnSpPr>
        <p:spPr>
          <a:xfrm>
            <a:off x="6581503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5" name="OTLSHAPE_G_00000000000000000000000000000000_ShapeBelow5"/>
          <p:cNvCxnSpPr/>
          <p:nvPr>
            <p:custDataLst>
              <p:tags r:id="rId43"/>
            </p:custDataLst>
          </p:nvPr>
        </p:nvCxnSpPr>
        <p:spPr>
          <a:xfrm>
            <a:off x="7652268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2" name="OTLSHAPE_TB_00000000000000000000000000000000_ElapsedTime"/>
          <p:cNvSpPr/>
          <p:nvPr>
            <p:custDataLst>
              <p:tags r:id="rId44"/>
            </p:custDataLst>
          </p:nvPr>
        </p:nvSpPr>
        <p:spPr>
          <a:xfrm>
            <a:off x="1348571" y="2729864"/>
            <a:ext cx="8255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9" name="OTLSHAPE_SLM_5d07a1580b2d42c0b0b7f5c2d2858f50_Shape"/>
          <p:cNvSpPr/>
          <p:nvPr>
            <p:custDataLst>
              <p:tags r:id="rId45"/>
            </p:custDataLst>
          </p:nvPr>
        </p:nvSpPr>
        <p:spPr>
          <a:xfrm flipV="1">
            <a:off x="1493315" y="3654424"/>
            <a:ext cx="228600" cy="254000"/>
          </a:xfrm>
          <a:prstGeom prst="triangle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40" name="OTLSHAPE_SLM_751fa472bdf74d52b798deedb50790b4_Shape"/>
          <p:cNvSpPr/>
          <p:nvPr>
            <p:custDataLst>
              <p:tags r:id="rId46"/>
            </p:custDataLst>
          </p:nvPr>
        </p:nvSpPr>
        <p:spPr>
          <a:xfrm flipV="1">
            <a:off x="2235942" y="4556759"/>
            <a:ext cx="228600" cy="254000"/>
          </a:xfrm>
          <a:prstGeom prst="triangle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41" name="OTLSHAPE_SLM_097f8aea5b5f4eb7800c4a2a165f1231_Shape"/>
          <p:cNvSpPr/>
          <p:nvPr>
            <p:custDataLst>
              <p:tags r:id="rId47"/>
            </p:custDataLst>
          </p:nvPr>
        </p:nvSpPr>
        <p:spPr>
          <a:xfrm flipV="1">
            <a:off x="2184131" y="4103369"/>
            <a:ext cx="228600" cy="254000"/>
          </a:xfrm>
          <a:prstGeom prst="triangle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55" name="OTLSHAPE_SLM_fb5c5818a1ce4274b8566cbd3ce31120_Shape"/>
          <p:cNvSpPr/>
          <p:nvPr>
            <p:custDataLst>
              <p:tags r:id="rId48"/>
            </p:custDataLst>
          </p:nvPr>
        </p:nvSpPr>
        <p:spPr>
          <a:xfrm>
            <a:off x="3873840" y="4954904"/>
            <a:ext cx="165100" cy="165100"/>
          </a:xfrm>
          <a:prstGeom prst="wav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6" name="OTLSHAPE_SLM_aead004efab0465ea8713dd972885b26_Shape"/>
          <p:cNvSpPr/>
          <p:nvPr>
            <p:custDataLst>
              <p:tags r:id="rId49"/>
            </p:custDataLst>
          </p:nvPr>
        </p:nvSpPr>
        <p:spPr>
          <a:xfrm>
            <a:off x="5203661" y="5183504"/>
            <a:ext cx="165100" cy="165100"/>
          </a:xfrm>
          <a:prstGeom prst="wav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7" name="OTLSHAPE_SLM_51d1ea3f46734e518695a36ac8e13158_Shape"/>
          <p:cNvSpPr/>
          <p:nvPr>
            <p:custDataLst>
              <p:tags r:id="rId50"/>
            </p:custDataLst>
          </p:nvPr>
        </p:nvSpPr>
        <p:spPr>
          <a:xfrm>
            <a:off x="6757997" y="5412104"/>
            <a:ext cx="165100" cy="165100"/>
          </a:xfrm>
          <a:prstGeom prst="wav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8" name="OTLSHAPE_SLM_92602008234b476abf047540173c4b99_Shape"/>
          <p:cNvSpPr/>
          <p:nvPr>
            <p:custDataLst>
              <p:tags r:id="rId51"/>
            </p:custDataLst>
          </p:nvPr>
        </p:nvSpPr>
        <p:spPr>
          <a:xfrm>
            <a:off x="7846032" y="5704204"/>
            <a:ext cx="165100" cy="165100"/>
          </a:xfrm>
          <a:prstGeom prst="wav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9" name="OTLSHAPE_SLM_37387aa6c7a74a89bf754994242d96ae_Shape"/>
          <p:cNvSpPr/>
          <p:nvPr>
            <p:custDataLst>
              <p:tags r:id="rId52"/>
            </p:custDataLst>
          </p:nvPr>
        </p:nvSpPr>
        <p:spPr>
          <a:xfrm rot="16200000">
            <a:off x="8053277" y="6121399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0" name="OTLSHAPE_SLM_4fe9638935c34df6b4b67b57737ed948_Shape"/>
          <p:cNvSpPr/>
          <p:nvPr>
            <p:custDataLst>
              <p:tags r:id="rId53"/>
            </p:custDataLst>
          </p:nvPr>
        </p:nvSpPr>
        <p:spPr>
          <a:xfrm>
            <a:off x="8105088" y="6447789"/>
            <a:ext cx="165100" cy="165100"/>
          </a:xfrm>
          <a:prstGeom prst="wav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3" name="OTLSHAPE_TB_00000000000000000000000000000000_ElapsedTimeExtension"/>
          <p:cNvSpPr/>
          <p:nvPr>
            <p:custDataLst>
              <p:tags r:id="rId54"/>
            </p:custDataLst>
          </p:nvPr>
        </p:nvSpPr>
        <p:spPr>
          <a:xfrm>
            <a:off x="1348571" y="206607"/>
            <a:ext cx="825500" cy="2523257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9" name="OTLSHAPE_SL_ded439910830471590a03b056e016bf1_Header"/>
          <p:cNvSpPr txBox="1"/>
          <p:nvPr>
            <p:custDataLst>
              <p:tags r:id="rId55"/>
            </p:custDataLst>
          </p:nvPr>
        </p:nvSpPr>
        <p:spPr>
          <a:xfrm>
            <a:off x="63499" y="6181088"/>
            <a:ext cx="994973" cy="3899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/>
                <a:cs typeface="Arial" panose="020B0604020202020204" pitchFamily="34" charset="0"/>
              </a:rPr>
              <a:t>Mock Tests</a:t>
            </a:r>
          </a:p>
        </p:txBody>
      </p:sp>
      <p:sp>
        <p:nvSpPr>
          <p:cNvPr id="745" name="OTLSHAPE_SL_404e9b0b97204a1581c8e1b40d889f44_Header"/>
          <p:cNvSpPr txBox="1"/>
          <p:nvPr>
            <p:custDataLst>
              <p:tags r:id="rId56"/>
            </p:custDataLst>
          </p:nvPr>
        </p:nvSpPr>
        <p:spPr>
          <a:xfrm>
            <a:off x="63499" y="4048758"/>
            <a:ext cx="994975" cy="3822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/>
                <a:cs typeface="Arial" panose="020B0604020202020204" pitchFamily="34" charset="0"/>
              </a:rPr>
              <a:t>Admissions</a:t>
            </a:r>
          </a:p>
        </p:txBody>
      </p:sp>
      <p:sp>
        <p:nvSpPr>
          <p:cNvPr id="748" name="OTLSHAPE_SL_59d10b65d8f44d4c81301579013956dc_Header"/>
          <p:cNvSpPr txBox="1"/>
          <p:nvPr>
            <p:custDataLst>
              <p:tags r:id="rId57"/>
            </p:custDataLst>
          </p:nvPr>
        </p:nvSpPr>
        <p:spPr>
          <a:xfrm>
            <a:off x="63500" y="5257798"/>
            <a:ext cx="994974" cy="4819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 err="1">
                <a:solidFill>
                  <a:schemeClr val="lt1"/>
                </a:solidFill>
                <a:latin typeface="Calibri"/>
                <a:cs typeface="Arial" panose="020B0604020202020204" pitchFamily="34" charset="0"/>
              </a:rPr>
              <a:t>Assesments</a:t>
            </a:r>
            <a:endParaRPr lang="en-GB" sz="1200" b="1" dirty="0">
              <a:solidFill>
                <a:schemeClr val="lt1"/>
              </a:solidFill>
              <a:latin typeface="Calibri"/>
              <a:cs typeface="Arial" panose="020B0604020202020204" pitchFamily="34" charset="0"/>
            </a:endParaRPr>
          </a:p>
        </p:txBody>
      </p:sp>
      <p:sp>
        <p:nvSpPr>
          <p:cNvPr id="750" name="OTLSHAPE_SL2A_a7b6de4a235242828f3b72d1190506d0_Header"/>
          <p:cNvSpPr txBox="1"/>
          <p:nvPr>
            <p:custDataLst>
              <p:tags r:id="rId58"/>
            </p:custDataLst>
          </p:nvPr>
        </p:nvSpPr>
        <p:spPr>
          <a:xfrm>
            <a:off x="706035" y="4234814"/>
            <a:ext cx="4572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GB" sz="1100" spc="-38" dirty="0">
              <a:solidFill>
                <a:schemeClr val="dk1"/>
              </a:solidFill>
              <a:latin typeface="Calibri"/>
              <a:cs typeface="Arial" panose="020B0604020202020204" pitchFamily="34" charset="0"/>
            </a:endParaRPr>
          </a:p>
        </p:txBody>
      </p:sp>
      <p:sp>
        <p:nvSpPr>
          <p:cNvPr id="762" name="OTLSHAPE_SL2A_e53e6d7928254eedb65e4ca22b7b691b_Header"/>
          <p:cNvSpPr txBox="1"/>
          <p:nvPr>
            <p:custDataLst>
              <p:tags r:id="rId59"/>
            </p:custDataLst>
          </p:nvPr>
        </p:nvSpPr>
        <p:spPr>
          <a:xfrm>
            <a:off x="706035" y="5443854"/>
            <a:ext cx="4572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GB" sz="1100" spc="-38" dirty="0">
              <a:solidFill>
                <a:schemeClr val="dk1"/>
              </a:solidFill>
              <a:latin typeface="Calibri"/>
              <a:cs typeface="Arial" panose="020B0604020202020204" pitchFamily="34" charset="0"/>
            </a:endParaRPr>
          </a:p>
        </p:txBody>
      </p:sp>
      <p:sp>
        <p:nvSpPr>
          <p:cNvPr id="24" name="OTLSHAPE_SL2A_92ca0d46c2a24f5dbdbfbd6e5e51bbe4_Header"/>
          <p:cNvSpPr txBox="1"/>
          <p:nvPr>
            <p:custDataLst>
              <p:tags r:id="rId60"/>
            </p:custDataLst>
          </p:nvPr>
        </p:nvSpPr>
        <p:spPr>
          <a:xfrm>
            <a:off x="706035" y="6367144"/>
            <a:ext cx="4572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GB" sz="1000" b="1" spc="-36" dirty="0">
              <a:solidFill>
                <a:srgbClr val="002060"/>
              </a:solidFill>
              <a:latin typeface="Arial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61"/>
            </p:custDataLst>
          </p:nvPr>
        </p:nvSpPr>
        <p:spPr>
          <a:xfrm>
            <a:off x="2111582" y="311086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62"/>
            </p:custDataLst>
          </p:nvPr>
        </p:nvSpPr>
        <p:spPr>
          <a:xfrm>
            <a:off x="1962684" y="3237864"/>
            <a:ext cx="409343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22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3"/>
            </p:custDataLst>
          </p:nvPr>
        </p:nvSpPr>
        <p:spPr>
          <a:xfrm>
            <a:off x="1412071" y="2818129"/>
            <a:ext cx="295466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eb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64"/>
            </p:custDataLst>
          </p:nvPr>
        </p:nvSpPr>
        <p:spPr>
          <a:xfrm>
            <a:off x="2431024" y="2818129"/>
            <a:ext cx="268150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65"/>
            </p:custDataLst>
          </p:nvPr>
        </p:nvSpPr>
        <p:spPr>
          <a:xfrm>
            <a:off x="3484519" y="2818129"/>
            <a:ext cx="276999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n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66"/>
            </p:custDataLst>
          </p:nvPr>
        </p:nvSpPr>
        <p:spPr>
          <a:xfrm>
            <a:off x="4538014" y="2818129"/>
            <a:ext cx="306687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ug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67"/>
            </p:custDataLst>
          </p:nvPr>
        </p:nvSpPr>
        <p:spPr>
          <a:xfrm>
            <a:off x="5591508" y="2818129"/>
            <a:ext cx="268150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68"/>
            </p:custDataLst>
          </p:nvPr>
        </p:nvSpPr>
        <p:spPr>
          <a:xfrm>
            <a:off x="6645003" y="2818129"/>
            <a:ext cx="306687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</a:t>
            </a: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69"/>
            </p:custDataLst>
          </p:nvPr>
        </p:nvSpPr>
        <p:spPr>
          <a:xfrm>
            <a:off x="7715768" y="2818129"/>
            <a:ext cx="295466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eb</a:t>
            </a:r>
          </a:p>
        </p:txBody>
      </p:sp>
      <p:sp>
        <p:nvSpPr>
          <p:cNvPr id="753" name="OTLSHAPE_SLM_5d07a1580b2d42c0b0b7f5c2d2858f50_Title"/>
          <p:cNvSpPr txBox="1"/>
          <p:nvPr>
            <p:custDataLst>
              <p:tags r:id="rId70"/>
            </p:custDataLst>
          </p:nvPr>
        </p:nvSpPr>
        <p:spPr>
          <a:xfrm>
            <a:off x="1772715" y="3715701"/>
            <a:ext cx="1206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gistrations Window</a:t>
            </a:r>
          </a:p>
        </p:txBody>
      </p:sp>
      <p:sp>
        <p:nvSpPr>
          <p:cNvPr id="754" name="OTLSHAPE_SLM_5d07a1580b2d42c0b0b7f5c2d2858f50_Date"/>
          <p:cNvSpPr txBox="1"/>
          <p:nvPr>
            <p:custDataLst>
              <p:tags r:id="rId71"/>
            </p:custDataLst>
          </p:nvPr>
        </p:nvSpPr>
        <p:spPr>
          <a:xfrm>
            <a:off x="1426555" y="3908424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b="1" spc="-8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eb 15</a:t>
            </a:r>
          </a:p>
        </p:txBody>
      </p:sp>
      <p:sp>
        <p:nvSpPr>
          <p:cNvPr id="756" name="OTLSHAPE_SLM_751fa472bdf74d52b798deedb50790b4_Title"/>
          <p:cNvSpPr txBox="1"/>
          <p:nvPr>
            <p:custDataLst>
              <p:tags r:id="rId72"/>
            </p:custDataLst>
          </p:nvPr>
        </p:nvSpPr>
        <p:spPr>
          <a:xfrm>
            <a:off x="2515342" y="4618036"/>
            <a:ext cx="1346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6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Zero Test for Foundation</a:t>
            </a:r>
          </a:p>
        </p:txBody>
      </p:sp>
      <p:sp>
        <p:nvSpPr>
          <p:cNvPr id="757" name="OTLSHAPE_SLM_751fa472bdf74d52b798deedb50790b4_Date"/>
          <p:cNvSpPr txBox="1"/>
          <p:nvPr>
            <p:custDataLst>
              <p:tags r:id="rId73"/>
            </p:custDataLst>
          </p:nvPr>
        </p:nvSpPr>
        <p:spPr>
          <a:xfrm>
            <a:off x="1950107" y="4552314"/>
            <a:ext cx="2413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b="1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 30</a:t>
            </a:r>
          </a:p>
        </p:txBody>
      </p:sp>
      <p:sp>
        <p:nvSpPr>
          <p:cNvPr id="759" name="OTLSHAPE_SLM_097f8aea5b5f4eb7800c4a2a165f1231_Title"/>
          <p:cNvSpPr txBox="1"/>
          <p:nvPr>
            <p:custDataLst>
              <p:tags r:id="rId74"/>
            </p:custDataLst>
          </p:nvPr>
        </p:nvSpPr>
        <p:spPr>
          <a:xfrm>
            <a:off x="2463531" y="4164647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ientation Session</a:t>
            </a:r>
          </a:p>
        </p:txBody>
      </p:sp>
      <p:sp>
        <p:nvSpPr>
          <p:cNvPr id="760" name="OTLSHAPE_SLM_097f8aea5b5f4eb7800c4a2a165f1231_Date"/>
          <p:cNvSpPr txBox="1"/>
          <p:nvPr>
            <p:custDataLst>
              <p:tags r:id="rId75"/>
            </p:custDataLst>
          </p:nvPr>
        </p:nvSpPr>
        <p:spPr>
          <a:xfrm>
            <a:off x="2117329" y="4357369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b="1" spc="-8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 27</a:t>
            </a:r>
          </a:p>
        </p:txBody>
      </p:sp>
      <p:sp>
        <p:nvSpPr>
          <p:cNvPr id="765" name="OTLSHAPE_SLM_fb5c5818a1ce4274b8566cbd3ce31120_Title"/>
          <p:cNvSpPr txBox="1"/>
          <p:nvPr>
            <p:custDataLst>
              <p:tags r:id="rId76"/>
            </p:custDataLst>
          </p:nvPr>
        </p:nvSpPr>
        <p:spPr>
          <a:xfrm>
            <a:off x="4089740" y="4964429"/>
            <a:ext cx="1308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: Level-1</a:t>
            </a:r>
          </a:p>
        </p:txBody>
      </p:sp>
      <p:sp>
        <p:nvSpPr>
          <p:cNvPr id="766" name="OTLSHAPE_SLM_fb5c5818a1ce4274b8566cbd3ce31120_Date"/>
          <p:cNvSpPr txBox="1"/>
          <p:nvPr>
            <p:custDataLst>
              <p:tags r:id="rId77"/>
            </p:custDataLst>
          </p:nvPr>
        </p:nvSpPr>
        <p:spPr>
          <a:xfrm>
            <a:off x="3612050" y="4967689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 dirty="0">
                <a:solidFill>
                  <a:srgbClr val="EA161E"/>
                </a:solidFill>
                <a:latin typeface="Calibri"/>
              </a:rPr>
              <a:t>Jul 1</a:t>
            </a:r>
          </a:p>
        </p:txBody>
      </p:sp>
      <p:sp>
        <p:nvSpPr>
          <p:cNvPr id="768" name="OTLSHAPE_SLM_aead004efab0465ea8713dd972885b26_Title"/>
          <p:cNvSpPr txBox="1"/>
          <p:nvPr>
            <p:custDataLst>
              <p:tags r:id="rId78"/>
            </p:custDataLst>
          </p:nvPr>
        </p:nvSpPr>
        <p:spPr>
          <a:xfrm>
            <a:off x="5419561" y="5193029"/>
            <a:ext cx="1308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: Level-2</a:t>
            </a:r>
          </a:p>
        </p:txBody>
      </p:sp>
      <p:sp>
        <p:nvSpPr>
          <p:cNvPr id="769" name="OTLSHAPE_SLM_aead004efab0465ea8713dd972885b26_Date"/>
          <p:cNvSpPr txBox="1"/>
          <p:nvPr>
            <p:custDataLst>
              <p:tags r:id="rId79"/>
            </p:custDataLst>
          </p:nvPr>
        </p:nvSpPr>
        <p:spPr>
          <a:xfrm>
            <a:off x="4838324" y="519628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dirty="0">
                <a:solidFill>
                  <a:srgbClr val="EA161E"/>
                </a:solidFill>
                <a:latin typeface="Calibri"/>
              </a:rPr>
              <a:t>Sep 16</a:t>
            </a:r>
          </a:p>
        </p:txBody>
      </p:sp>
      <p:sp>
        <p:nvSpPr>
          <p:cNvPr id="771" name="OTLSHAPE_SLM_51d1ea3f46734e518695a36ac8e13158_Title"/>
          <p:cNvSpPr txBox="1"/>
          <p:nvPr>
            <p:custDataLst>
              <p:tags r:id="rId80"/>
            </p:custDataLst>
          </p:nvPr>
        </p:nvSpPr>
        <p:spPr>
          <a:xfrm>
            <a:off x="6973897" y="5421629"/>
            <a:ext cx="1308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: Level-3</a:t>
            </a:r>
          </a:p>
        </p:txBody>
      </p:sp>
      <p:sp>
        <p:nvSpPr>
          <p:cNvPr id="772" name="OTLSHAPE_SLM_51d1ea3f46734e518695a36ac8e13158_Date"/>
          <p:cNvSpPr txBox="1"/>
          <p:nvPr>
            <p:custDataLst>
              <p:tags r:id="rId81"/>
            </p:custDataLst>
          </p:nvPr>
        </p:nvSpPr>
        <p:spPr>
          <a:xfrm>
            <a:off x="6388131" y="542488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dirty="0">
                <a:solidFill>
                  <a:srgbClr val="EA161E"/>
                </a:solidFill>
                <a:latin typeface="Calibri"/>
              </a:rPr>
              <a:t>Dec 15</a:t>
            </a:r>
          </a:p>
        </p:txBody>
      </p:sp>
      <p:sp>
        <p:nvSpPr>
          <p:cNvPr id="774" name="OTLSHAPE_SLM_92602008234b476abf047540173c4b99_Title"/>
          <p:cNvSpPr txBox="1"/>
          <p:nvPr>
            <p:custDataLst>
              <p:tags r:id="rId82"/>
            </p:custDataLst>
          </p:nvPr>
        </p:nvSpPr>
        <p:spPr>
          <a:xfrm>
            <a:off x="8061932" y="5640704"/>
            <a:ext cx="8636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: Level-4</a:t>
            </a:r>
          </a:p>
        </p:txBody>
      </p:sp>
      <p:sp>
        <p:nvSpPr>
          <p:cNvPr id="775" name="OTLSHAPE_SLM_92602008234b476abf047540173c4b99_Date"/>
          <p:cNvSpPr txBox="1"/>
          <p:nvPr>
            <p:custDataLst>
              <p:tags r:id="rId83"/>
            </p:custDataLst>
          </p:nvPr>
        </p:nvSpPr>
        <p:spPr>
          <a:xfrm>
            <a:off x="7483913" y="571698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dirty="0">
                <a:solidFill>
                  <a:srgbClr val="FF0000"/>
                </a:solidFill>
                <a:latin typeface="Calibri"/>
              </a:rPr>
              <a:t>Feb 16</a:t>
            </a:r>
          </a:p>
        </p:txBody>
      </p:sp>
      <p:sp>
        <p:nvSpPr>
          <p:cNvPr id="962" name="OTLSHAPE_SLM_37387aa6c7a74a89bf754994242d96ae_Title"/>
          <p:cNvSpPr txBox="1"/>
          <p:nvPr>
            <p:custDataLst>
              <p:tags r:id="rId84"/>
            </p:custDataLst>
          </p:nvPr>
        </p:nvSpPr>
        <p:spPr>
          <a:xfrm>
            <a:off x="7449815" y="6072504"/>
            <a:ext cx="558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6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-Finals</a:t>
            </a:r>
          </a:p>
        </p:txBody>
      </p:sp>
      <p:sp>
        <p:nvSpPr>
          <p:cNvPr id="963" name="OTLSHAPE_SLM_37387aa6c7a74a89bf754994242d96ae_Date"/>
          <p:cNvSpPr txBox="1"/>
          <p:nvPr>
            <p:custDataLst>
              <p:tags r:id="rId85"/>
            </p:custDataLst>
          </p:nvPr>
        </p:nvSpPr>
        <p:spPr>
          <a:xfrm>
            <a:off x="7640358" y="6203949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8" dirty="0">
                <a:solidFill>
                  <a:srgbClr val="EA16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eb 28</a:t>
            </a:r>
          </a:p>
        </p:txBody>
      </p:sp>
      <p:sp>
        <p:nvSpPr>
          <p:cNvPr id="965" name="OTLSHAPE_SLM_4fe9638935c34df6b4b67b57737ed948_Title"/>
          <p:cNvSpPr txBox="1"/>
          <p:nvPr>
            <p:custDataLst>
              <p:tags r:id="rId86"/>
            </p:custDataLst>
          </p:nvPr>
        </p:nvSpPr>
        <p:spPr>
          <a:xfrm>
            <a:off x="7724004" y="6398894"/>
            <a:ext cx="342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8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s</a:t>
            </a:r>
          </a:p>
        </p:txBody>
      </p:sp>
      <p:sp>
        <p:nvSpPr>
          <p:cNvPr id="966" name="OTLSHAPE_SLM_4fe9638935c34df6b4b67b57737ed948_Date"/>
          <p:cNvSpPr txBox="1"/>
          <p:nvPr>
            <p:custDataLst>
              <p:tags r:id="rId87"/>
            </p:custDataLst>
          </p:nvPr>
        </p:nvSpPr>
        <p:spPr>
          <a:xfrm>
            <a:off x="7762104" y="6530339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10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 3</a:t>
            </a:r>
          </a:p>
        </p:txBody>
      </p:sp>
      <p:sp>
        <p:nvSpPr>
          <p:cNvPr id="1020" name="OTLSHAPE_T_5a327121df1d48c08735b14a0f6abbae_Shape"/>
          <p:cNvSpPr/>
          <p:nvPr>
            <p:custDataLst>
              <p:tags r:id="rId88"/>
            </p:custDataLst>
          </p:nvPr>
        </p:nvSpPr>
        <p:spPr>
          <a:xfrm>
            <a:off x="2367524" y="223434"/>
            <a:ext cx="1600200" cy="127000"/>
          </a:xfrm>
          <a:prstGeom prst="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2" name="OTLSHAPE_T_34a52c17e41145e9854beae5a2421c70_Shape"/>
          <p:cNvSpPr/>
          <p:nvPr>
            <p:custDataLst>
              <p:tags r:id="rId89"/>
            </p:custDataLst>
          </p:nvPr>
        </p:nvSpPr>
        <p:spPr>
          <a:xfrm>
            <a:off x="3127422" y="414887"/>
            <a:ext cx="558800" cy="127000"/>
          </a:xfrm>
          <a:prstGeom prst="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4" name="OTLSHAPE_T_6cc534037fad4091b6f956abfba2e588_Shape"/>
          <p:cNvSpPr/>
          <p:nvPr>
            <p:custDataLst>
              <p:tags r:id="rId90"/>
            </p:custDataLst>
          </p:nvPr>
        </p:nvSpPr>
        <p:spPr>
          <a:xfrm>
            <a:off x="4180917" y="735562"/>
            <a:ext cx="1092200" cy="127000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6" name="OTLSHAPE_T_880481882001454b836b097158152730_Shape"/>
          <p:cNvSpPr/>
          <p:nvPr>
            <p:custDataLst>
              <p:tags r:id="rId91"/>
            </p:custDataLst>
          </p:nvPr>
        </p:nvSpPr>
        <p:spPr>
          <a:xfrm>
            <a:off x="5545279" y="927014"/>
            <a:ext cx="177800" cy="127000"/>
          </a:xfrm>
          <a:prstGeom prst="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8" name="OTLSHAPE_T_ae2edfec1e5043e1bbb410b2af714631_Shape"/>
          <p:cNvSpPr/>
          <p:nvPr>
            <p:custDataLst>
              <p:tags r:id="rId92"/>
            </p:custDataLst>
          </p:nvPr>
        </p:nvSpPr>
        <p:spPr>
          <a:xfrm>
            <a:off x="5717983" y="1118467"/>
            <a:ext cx="1041400" cy="127000"/>
          </a:xfrm>
          <a:prstGeom prst="rect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0" name="OTLSHAPE_T_620dbe48f4284b7ab23c82128ace3e8e_Shape"/>
          <p:cNvSpPr/>
          <p:nvPr>
            <p:custDataLst>
              <p:tags r:id="rId93"/>
            </p:custDataLst>
          </p:nvPr>
        </p:nvSpPr>
        <p:spPr>
          <a:xfrm>
            <a:off x="6978722" y="1309919"/>
            <a:ext cx="215900" cy="127000"/>
          </a:xfrm>
          <a:prstGeom prst="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2" name="OTLSHAPE_T_06dce677117b4b7ab33c47b6352428d0_Shape"/>
          <p:cNvSpPr/>
          <p:nvPr>
            <p:custDataLst>
              <p:tags r:id="rId94"/>
            </p:custDataLst>
          </p:nvPr>
        </p:nvSpPr>
        <p:spPr>
          <a:xfrm>
            <a:off x="7185967" y="1501372"/>
            <a:ext cx="736600" cy="127000"/>
          </a:xfrm>
          <a:prstGeom prst="rect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4" name="OTLSHAPE_T_e5d07ea2b0f54e5cb94b62aec323e59a_Shape"/>
          <p:cNvSpPr/>
          <p:nvPr>
            <p:custDataLst>
              <p:tags r:id="rId95"/>
            </p:custDataLst>
          </p:nvPr>
        </p:nvSpPr>
        <p:spPr>
          <a:xfrm>
            <a:off x="7911324" y="1692824"/>
            <a:ext cx="254000" cy="127000"/>
          </a:xfrm>
          <a:prstGeom prst="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_b8291b0ec7604400ac51d0c04d327dc8_Shape"/>
          <p:cNvSpPr/>
          <p:nvPr>
            <p:custDataLst>
              <p:tags r:id="rId96"/>
            </p:custDataLst>
          </p:nvPr>
        </p:nvSpPr>
        <p:spPr>
          <a:xfrm>
            <a:off x="8170368" y="1881462"/>
            <a:ext cx="63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1" name="OTLSHAPE_T_5a327121df1d48c08735b14a0f6abbae_ShapePercentage" hidden="1"/>
          <p:cNvSpPr/>
          <p:nvPr>
            <p:custDataLst>
              <p:tags r:id="rId97"/>
            </p:custDataLst>
          </p:nvPr>
        </p:nvSpPr>
        <p:spPr>
          <a:xfrm>
            <a:off x="2367524" y="223434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3" name="OTLSHAPE_T_34a52c17e41145e9854beae5a2421c70_ShapePercentage" hidden="1"/>
          <p:cNvSpPr/>
          <p:nvPr>
            <p:custDataLst>
              <p:tags r:id="rId98"/>
            </p:custDataLst>
          </p:nvPr>
        </p:nvSpPr>
        <p:spPr>
          <a:xfrm>
            <a:off x="3127422" y="414887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5" name="OTLSHAPE_T_6cc534037fad4091b6f956abfba2e588_ShapePercentage" hidden="1"/>
          <p:cNvSpPr/>
          <p:nvPr>
            <p:custDataLst>
              <p:tags r:id="rId99"/>
            </p:custDataLst>
          </p:nvPr>
        </p:nvSpPr>
        <p:spPr>
          <a:xfrm>
            <a:off x="4180917" y="735562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7" name="OTLSHAPE_T_880481882001454b836b097158152730_ShapePercentage" hidden="1"/>
          <p:cNvSpPr/>
          <p:nvPr>
            <p:custDataLst>
              <p:tags r:id="rId100"/>
            </p:custDataLst>
          </p:nvPr>
        </p:nvSpPr>
        <p:spPr>
          <a:xfrm>
            <a:off x="5545279" y="927014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9" name="OTLSHAPE_T_ae2edfec1e5043e1bbb410b2af714631_ShapePercentage" hidden="1"/>
          <p:cNvSpPr/>
          <p:nvPr>
            <p:custDataLst>
              <p:tags r:id="rId101"/>
            </p:custDataLst>
          </p:nvPr>
        </p:nvSpPr>
        <p:spPr>
          <a:xfrm>
            <a:off x="5717983" y="1118467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1" name="OTLSHAPE_T_620dbe48f4284b7ab23c82128ace3e8e_ShapePercentage" hidden="1"/>
          <p:cNvSpPr/>
          <p:nvPr>
            <p:custDataLst>
              <p:tags r:id="rId102"/>
            </p:custDataLst>
          </p:nvPr>
        </p:nvSpPr>
        <p:spPr>
          <a:xfrm>
            <a:off x="6978722" y="1309919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3" name="OTLSHAPE_T_06dce677117b4b7ab33c47b6352428d0_ShapePercentage" hidden="1"/>
          <p:cNvSpPr/>
          <p:nvPr>
            <p:custDataLst>
              <p:tags r:id="rId103"/>
            </p:custDataLst>
          </p:nvPr>
        </p:nvSpPr>
        <p:spPr>
          <a:xfrm>
            <a:off x="7185967" y="1501372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5" name="OTLSHAPE_T_e5d07ea2b0f54e5cb94b62aec323e59a_ShapePercentage" hidden="1"/>
          <p:cNvSpPr/>
          <p:nvPr>
            <p:custDataLst>
              <p:tags r:id="rId104"/>
            </p:custDataLst>
          </p:nvPr>
        </p:nvSpPr>
        <p:spPr>
          <a:xfrm>
            <a:off x="7911324" y="1692824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T_b8291b0ec7604400ac51d0c04d327dc8_ShapePercentage" hidden="1"/>
          <p:cNvSpPr/>
          <p:nvPr>
            <p:custDataLst>
              <p:tags r:id="rId105"/>
            </p:custDataLst>
          </p:nvPr>
        </p:nvSpPr>
        <p:spPr>
          <a:xfrm>
            <a:off x="8170368" y="1881462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T_5a327121df1d48c08735b14a0f6abbae_Duration" hidden="1"/>
          <p:cNvSpPr txBox="1"/>
          <p:nvPr>
            <p:custDataLst>
              <p:tags r:id="rId106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66 days</a:t>
            </a:r>
          </a:p>
        </p:txBody>
      </p:sp>
      <p:sp>
        <p:nvSpPr>
          <p:cNvPr id="48" name="OTLSHAPE_T_5a327121df1d48c08735b14a0f6abbae_TextPercentage" hidden="1"/>
          <p:cNvSpPr txBox="1"/>
          <p:nvPr>
            <p:custDataLst>
              <p:tags r:id="rId107"/>
            </p:custDataLst>
          </p:nvPr>
        </p:nvSpPr>
        <p:spPr>
          <a:xfrm>
            <a:off x="12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49" name="OTLSHAPE_T_5a327121df1d48c08735b14a0f6abbae_StartDate" hidden="1"/>
          <p:cNvSpPr txBox="1"/>
          <p:nvPr>
            <p:custDataLst>
              <p:tags r:id="rId108"/>
            </p:custDataLst>
          </p:nvPr>
        </p:nvSpPr>
        <p:spPr>
          <a:xfrm>
            <a:off x="2258924" y="11869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1AAA4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0" name="OTLSHAPE_T_5a327121df1d48c08735b14a0f6abbae_EndDate" hidden="1"/>
          <p:cNvSpPr txBox="1"/>
          <p:nvPr>
            <p:custDataLst>
              <p:tags r:id="rId109"/>
            </p:custDataLst>
          </p:nvPr>
        </p:nvSpPr>
        <p:spPr>
          <a:xfrm>
            <a:off x="3219763" y="11869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8">
              <a:solidFill>
                <a:srgbClr val="1AAA4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1" name="OTLSHAPE_T_5a327121df1d48c08735b14a0f6abbae_JoinedDate"/>
          <p:cNvSpPr txBox="1"/>
          <p:nvPr>
            <p:custDataLst>
              <p:tags r:id="rId110"/>
            </p:custDataLst>
          </p:nvPr>
        </p:nvSpPr>
        <p:spPr>
          <a:xfrm>
            <a:off x="1589946" y="213909"/>
            <a:ext cx="736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4">
                <a:solidFill>
                  <a:srgbClr val="1AAA42"/>
                </a:solidFill>
                <a:latin typeface="Arial"/>
              </a:rPr>
              <a:t>Apr 1 - Jul 1</a:t>
            </a:r>
            <a:endParaRPr lang="en-GB" sz="1000" b="1" spc="-4" dirty="0">
              <a:solidFill>
                <a:srgbClr val="1AAA42"/>
              </a:solidFill>
              <a:latin typeface="Arial"/>
            </a:endParaRPr>
          </a:p>
        </p:txBody>
      </p:sp>
      <p:sp>
        <p:nvSpPr>
          <p:cNvPr id="52" name="OTLSHAPE_T_5a327121df1d48c08735b14a0f6abbae_Title"/>
          <p:cNvSpPr txBox="1"/>
          <p:nvPr>
            <p:custDataLst>
              <p:tags r:id="rId111"/>
            </p:custDataLst>
          </p:nvPr>
        </p:nvSpPr>
        <p:spPr>
          <a:xfrm>
            <a:off x="127000" y="206607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rgbClr val="1AAA4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-1  </a:t>
            </a:r>
          </a:p>
        </p:txBody>
      </p:sp>
      <p:sp>
        <p:nvSpPr>
          <p:cNvPr id="63" name="OTLSHAPE_T_34a52c17e41145e9854beae5a2421c70_Duration" hidden="1"/>
          <p:cNvSpPr txBox="1"/>
          <p:nvPr>
            <p:custDataLst>
              <p:tags r:id="rId112"/>
            </p:custDataLst>
          </p:nvPr>
        </p:nvSpPr>
        <p:spPr>
          <a:xfrm>
            <a:off x="12700" y="-36498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23 days</a:t>
            </a:r>
          </a:p>
        </p:txBody>
      </p:sp>
      <p:sp>
        <p:nvSpPr>
          <p:cNvPr id="64" name="OTLSHAPE_T_34a52c17e41145e9854beae5a2421c70_TextPercentage" hidden="1"/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65" name="OTLSHAPE_T_34a52c17e41145e9854beae5a2421c70_StartDate" hidden="1"/>
          <p:cNvSpPr txBox="1"/>
          <p:nvPr>
            <p:custDataLst>
              <p:tags r:id="rId114"/>
            </p:custDataLst>
          </p:nvPr>
        </p:nvSpPr>
        <p:spPr>
          <a:xfrm>
            <a:off x="2819591" y="16734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8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6" name="OTLSHAPE_T_34a52c17e41145e9854beae5a2421c70_EndDate" hidden="1"/>
          <p:cNvSpPr txBox="1"/>
          <p:nvPr>
            <p:custDataLst>
              <p:tags r:id="rId115"/>
            </p:custDataLst>
          </p:nvPr>
        </p:nvSpPr>
        <p:spPr>
          <a:xfrm>
            <a:off x="3486747" y="16734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8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7" name="OTLSHAPE_T_34a52c17e41145e9854beae5a2421c70_JoinedDate"/>
          <p:cNvSpPr txBox="1"/>
          <p:nvPr>
            <p:custDataLst>
              <p:tags r:id="rId116"/>
            </p:custDataLst>
          </p:nvPr>
        </p:nvSpPr>
        <p:spPr>
          <a:xfrm>
            <a:off x="3730863" y="405362"/>
            <a:ext cx="914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1"/>
                </a:solidFill>
                <a:latin typeface="Arial"/>
              </a:rPr>
              <a:t>May 15 - Jun 15</a:t>
            </a:r>
            <a:endParaRPr lang="en-GB" sz="1000" spc="-2" dirty="0">
              <a:solidFill>
                <a:schemeClr val="dk1"/>
              </a:solidFill>
              <a:latin typeface="Arial"/>
            </a:endParaRPr>
          </a:p>
        </p:txBody>
      </p:sp>
      <p:sp>
        <p:nvSpPr>
          <p:cNvPr id="68" name="OTLSHAPE_T_34a52c17e41145e9854beae5a2421c70_Title"/>
          <p:cNvSpPr txBox="1"/>
          <p:nvPr>
            <p:custDataLst>
              <p:tags r:id="rId117"/>
            </p:custDataLst>
          </p:nvPr>
        </p:nvSpPr>
        <p:spPr>
          <a:xfrm>
            <a:off x="2303658" y="412664"/>
            <a:ext cx="774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1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rm Break -A</a:t>
            </a:r>
          </a:p>
        </p:txBody>
      </p:sp>
      <p:sp>
        <p:nvSpPr>
          <p:cNvPr id="71" name="OTLSHAPE_T_6cc534037fad4091b6f956abfba2e588_Duration" hidden="1"/>
          <p:cNvSpPr txBox="1"/>
          <p:nvPr>
            <p:custDataLst>
              <p:tags r:id="rId118"/>
            </p:custDataLst>
          </p:nvPr>
        </p:nvSpPr>
        <p:spPr>
          <a:xfrm>
            <a:off x="12700" y="-364986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45 days</a:t>
            </a:r>
          </a:p>
        </p:txBody>
      </p:sp>
      <p:sp>
        <p:nvSpPr>
          <p:cNvPr id="72" name="OTLSHAPE_T_6cc534037fad4091b6f956abfba2e588_TextPercentage" hidden="1"/>
          <p:cNvSpPr txBox="1"/>
          <p:nvPr>
            <p:custDataLst>
              <p:tags r:id="rId119"/>
            </p:custDataLst>
          </p:nvPr>
        </p:nvSpPr>
        <p:spPr>
          <a:xfrm>
            <a:off x="12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73" name="OTLSHAPE_T_6cc534037fad4091b6f956abfba2e588_StartDate" hidden="1"/>
          <p:cNvSpPr txBox="1"/>
          <p:nvPr>
            <p:custDataLst>
              <p:tags r:id="rId120"/>
            </p:custDataLst>
          </p:nvPr>
        </p:nvSpPr>
        <p:spPr>
          <a:xfrm>
            <a:off x="3184866" y="17127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B20E1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4" name="OTLSHAPE_T_6cc534037fad4091b6f956abfba2e588_EndDate" hidden="1"/>
          <p:cNvSpPr txBox="1"/>
          <p:nvPr>
            <p:custDataLst>
              <p:tags r:id="rId121"/>
            </p:custDataLst>
          </p:nvPr>
        </p:nvSpPr>
        <p:spPr>
          <a:xfrm>
            <a:off x="5355637" y="17127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B20E1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5" name="OTLSHAPE_T_6cc534037fad4091b6f956abfba2e588_JoinedDate"/>
          <p:cNvSpPr txBox="1"/>
          <p:nvPr>
            <p:custDataLst>
              <p:tags r:id="rId122"/>
            </p:custDataLst>
          </p:nvPr>
        </p:nvSpPr>
        <p:spPr>
          <a:xfrm>
            <a:off x="4180917" y="589512"/>
            <a:ext cx="889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>
                <a:solidFill>
                  <a:srgbClr val="B20E12"/>
                </a:solidFill>
                <a:latin typeface="Arial"/>
              </a:rPr>
              <a:t>Jul 15 - Sep 15</a:t>
            </a:r>
            <a:endParaRPr lang="en-GB" sz="1000" b="1" spc="-2" dirty="0">
              <a:solidFill>
                <a:srgbClr val="B20E12"/>
              </a:solidFill>
              <a:latin typeface="Arial"/>
            </a:endParaRPr>
          </a:p>
        </p:txBody>
      </p:sp>
      <p:sp>
        <p:nvSpPr>
          <p:cNvPr id="76" name="OTLSHAPE_T_6cc534037fad4091b6f956abfba2e588_Title"/>
          <p:cNvSpPr txBox="1"/>
          <p:nvPr>
            <p:custDataLst>
              <p:tags r:id="rId123"/>
            </p:custDataLst>
          </p:nvPr>
        </p:nvSpPr>
        <p:spPr>
          <a:xfrm>
            <a:off x="127000" y="718734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accent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-2  </a:t>
            </a:r>
          </a:p>
        </p:txBody>
      </p:sp>
      <p:sp>
        <p:nvSpPr>
          <p:cNvPr id="87" name="OTLSHAPE_T_880481882001454b836b097158152730_Duration" hidden="1"/>
          <p:cNvSpPr txBox="1"/>
          <p:nvPr>
            <p:custDataLst>
              <p:tags r:id="rId124"/>
            </p:custDataLst>
          </p:nvPr>
        </p:nvSpPr>
        <p:spPr>
          <a:xfrm>
            <a:off x="12700" y="-28804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7 days</a:t>
            </a:r>
          </a:p>
        </p:txBody>
      </p:sp>
      <p:sp>
        <p:nvSpPr>
          <p:cNvPr id="88" name="OTLSHAPE_T_880481882001454b836b097158152730_TextPercentage" hidden="1"/>
          <p:cNvSpPr txBox="1"/>
          <p:nvPr>
            <p:custDataLst>
              <p:tags r:id="rId12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89" name="OTLSHAPE_T_880481882001454b836b097158152730_StartDate" hidden="1"/>
          <p:cNvSpPr txBox="1"/>
          <p:nvPr>
            <p:custDataLst>
              <p:tags r:id="rId126"/>
            </p:custDataLst>
          </p:nvPr>
        </p:nvSpPr>
        <p:spPr>
          <a:xfrm>
            <a:off x="4991745" y="21992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6" dirty="0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0" name="OTLSHAPE_T_880481882001454b836b097158152730_EndDate" hidden="1"/>
          <p:cNvSpPr txBox="1"/>
          <p:nvPr>
            <p:custDataLst>
              <p:tags r:id="rId127"/>
            </p:custDataLst>
          </p:nvPr>
        </p:nvSpPr>
        <p:spPr>
          <a:xfrm>
            <a:off x="5605935" y="21992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6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1" name="OTLSHAPE_T_880481882001454b836b097158152730_JoinedDate"/>
          <p:cNvSpPr txBox="1"/>
          <p:nvPr>
            <p:custDataLst>
              <p:tags r:id="rId128"/>
            </p:custDataLst>
          </p:nvPr>
        </p:nvSpPr>
        <p:spPr>
          <a:xfrm>
            <a:off x="5768771" y="917489"/>
            <a:ext cx="787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Arial"/>
              </a:rPr>
              <a:t>Oct 2 - Oct 11</a:t>
            </a:r>
            <a:endParaRPr lang="en-GB" sz="1000" spc="-8" dirty="0">
              <a:solidFill>
                <a:schemeClr val="dk1"/>
              </a:solidFill>
              <a:latin typeface="Arial"/>
            </a:endParaRPr>
          </a:p>
        </p:txBody>
      </p:sp>
      <p:sp>
        <p:nvSpPr>
          <p:cNvPr id="92" name="OTLSHAPE_T_880481882001454b836b097158152730_Title"/>
          <p:cNvSpPr txBox="1"/>
          <p:nvPr>
            <p:custDataLst>
              <p:tags r:id="rId129"/>
            </p:custDataLst>
          </p:nvPr>
        </p:nvSpPr>
        <p:spPr>
          <a:xfrm>
            <a:off x="4753264" y="924792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1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rm Break-B</a:t>
            </a:r>
          </a:p>
        </p:txBody>
      </p:sp>
      <p:sp>
        <p:nvSpPr>
          <p:cNvPr id="95" name="OTLSHAPE_T_ae2edfec1e5043e1bbb410b2af714631_Duration" hidden="1"/>
          <p:cNvSpPr txBox="1"/>
          <p:nvPr>
            <p:custDataLst>
              <p:tags r:id="rId130"/>
            </p:custDataLst>
          </p:nvPr>
        </p:nvSpPr>
        <p:spPr>
          <a:xfrm>
            <a:off x="12700" y="-364986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43 days</a:t>
            </a:r>
          </a:p>
        </p:txBody>
      </p:sp>
      <p:sp>
        <p:nvSpPr>
          <p:cNvPr id="96" name="OTLSHAPE_T_ae2edfec1e5043e1bbb410b2af714631_TextPercentage" hidden="1"/>
          <p:cNvSpPr txBox="1"/>
          <p:nvPr>
            <p:custDataLst>
              <p:tags r:id="rId131"/>
            </p:custDataLst>
          </p:nvPr>
        </p:nvSpPr>
        <p:spPr>
          <a:xfrm>
            <a:off x="12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97" name="OTLSHAPE_T_ae2edfec1e5043e1bbb410b2af714631_StartDate" hidden="1"/>
          <p:cNvSpPr txBox="1"/>
          <p:nvPr>
            <p:custDataLst>
              <p:tags r:id="rId132"/>
            </p:custDataLst>
          </p:nvPr>
        </p:nvSpPr>
        <p:spPr>
          <a:xfrm>
            <a:off x="5230916" y="22385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8" name="OTLSHAPE_T_ae2edfec1e5043e1bbb410b2af714631_EndDate" hidden="1"/>
          <p:cNvSpPr txBox="1"/>
          <p:nvPr>
            <p:custDataLst>
              <p:tags r:id="rId133"/>
            </p:custDataLst>
          </p:nvPr>
        </p:nvSpPr>
        <p:spPr>
          <a:xfrm>
            <a:off x="6874111" y="22385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9" name="OTLSHAPE_T_ae2edfec1e5043e1bbb410b2af714631_JoinedDate"/>
          <p:cNvSpPr txBox="1"/>
          <p:nvPr>
            <p:custDataLst>
              <p:tags r:id="rId134"/>
            </p:custDataLst>
          </p:nvPr>
        </p:nvSpPr>
        <p:spPr>
          <a:xfrm>
            <a:off x="4756762" y="1108942"/>
            <a:ext cx="914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>
                <a:solidFill>
                  <a:srgbClr val="002060"/>
                </a:solidFill>
                <a:latin typeface="Arial"/>
              </a:rPr>
              <a:t>Oct 12 - Dec 10</a:t>
            </a:r>
            <a:endParaRPr lang="en-GB" sz="1000" b="1" spc="-2" dirty="0">
              <a:solidFill>
                <a:srgbClr val="002060"/>
              </a:solidFill>
              <a:latin typeface="Arial"/>
            </a:endParaRPr>
          </a:p>
        </p:txBody>
      </p:sp>
      <p:sp>
        <p:nvSpPr>
          <p:cNvPr id="100" name="OTLSHAPE_T_ae2edfec1e5043e1bbb410b2af714631_Title"/>
          <p:cNvSpPr txBox="1"/>
          <p:nvPr>
            <p:custDataLst>
              <p:tags r:id="rId135"/>
            </p:custDataLst>
          </p:nvPr>
        </p:nvSpPr>
        <p:spPr>
          <a:xfrm>
            <a:off x="127000" y="1101639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rgbClr val="0072B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-3  </a:t>
            </a:r>
          </a:p>
        </p:txBody>
      </p:sp>
      <p:sp>
        <p:nvSpPr>
          <p:cNvPr id="111" name="OTLSHAPE_T_620dbe48f4284b7ab23c82128ace3e8e_Duration" hidden="1"/>
          <p:cNvSpPr txBox="1"/>
          <p:nvPr>
            <p:custDataLst>
              <p:tags r:id="rId136"/>
            </p:custDataLst>
          </p:nvPr>
        </p:nvSpPr>
        <p:spPr>
          <a:xfrm>
            <a:off x="12700" y="-28804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8 days</a:t>
            </a:r>
          </a:p>
        </p:txBody>
      </p:sp>
      <p:sp>
        <p:nvSpPr>
          <p:cNvPr id="112" name="OTLSHAPE_T_620dbe48f4284b7ab23c82128ace3e8e_TextPercentage" hidden="1"/>
          <p:cNvSpPr txBox="1"/>
          <p:nvPr>
            <p:custDataLst>
              <p:tags r:id="rId13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113" name="OTLSHAPE_T_620dbe48f4284b7ab23c82128ace3e8e_StartDate" hidden="1"/>
          <p:cNvSpPr txBox="1"/>
          <p:nvPr>
            <p:custDataLst>
              <p:tags r:id="rId138"/>
            </p:custDataLst>
          </p:nvPr>
        </p:nvSpPr>
        <p:spPr>
          <a:xfrm>
            <a:off x="6486717" y="27250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6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4" name="OTLSHAPE_T_620dbe48f4284b7ab23c82128ace3e8e_EndDate" hidden="1"/>
          <p:cNvSpPr txBox="1"/>
          <p:nvPr>
            <p:custDataLst>
              <p:tags r:id="rId139"/>
            </p:custDataLst>
          </p:nvPr>
        </p:nvSpPr>
        <p:spPr>
          <a:xfrm>
            <a:off x="7091036" y="27250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6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5" name="OTLSHAPE_T_620dbe48f4284b7ab23c82128ace3e8e_JoinedDate"/>
          <p:cNvSpPr txBox="1"/>
          <p:nvPr>
            <p:custDataLst>
              <p:tags r:id="rId140"/>
            </p:custDataLst>
          </p:nvPr>
        </p:nvSpPr>
        <p:spPr>
          <a:xfrm>
            <a:off x="7236755" y="1300394"/>
            <a:ext cx="838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Arial"/>
              </a:rPr>
              <a:t>Dec 24 - Jan 4</a:t>
            </a:r>
            <a:endParaRPr lang="en-GB" sz="1000" spc="-4" dirty="0">
              <a:solidFill>
                <a:schemeClr val="dk1"/>
              </a:solidFill>
              <a:latin typeface="Arial"/>
            </a:endParaRPr>
          </a:p>
        </p:txBody>
      </p:sp>
      <p:sp>
        <p:nvSpPr>
          <p:cNvPr id="116" name="OTLSHAPE_T_620dbe48f4284b7ab23c82128ace3e8e_Title"/>
          <p:cNvSpPr txBox="1"/>
          <p:nvPr>
            <p:custDataLst>
              <p:tags r:id="rId141"/>
            </p:custDataLst>
          </p:nvPr>
        </p:nvSpPr>
        <p:spPr>
          <a:xfrm>
            <a:off x="6186708" y="1307697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1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rm Break-C</a:t>
            </a:r>
          </a:p>
        </p:txBody>
      </p:sp>
      <p:sp>
        <p:nvSpPr>
          <p:cNvPr id="119" name="OTLSHAPE_T_06dce677117b4b7ab33c47b6352428d0_Duration" hidden="1"/>
          <p:cNvSpPr txBox="1"/>
          <p:nvPr>
            <p:custDataLst>
              <p:tags r:id="rId142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30 days</a:t>
            </a:r>
          </a:p>
        </p:txBody>
      </p:sp>
      <p:sp>
        <p:nvSpPr>
          <p:cNvPr id="120" name="OTLSHAPE_T_06dce677117b4b7ab33c47b6352428d0_TextPercentage" hidden="1"/>
          <p:cNvSpPr txBox="1"/>
          <p:nvPr>
            <p:custDataLst>
              <p:tags r:id="rId143"/>
            </p:custDataLst>
          </p:nvPr>
        </p:nvSpPr>
        <p:spPr>
          <a:xfrm>
            <a:off x="12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121" name="OTLSHAPE_T_06dce677117b4b7ab33c47b6352428d0_StartDate" hidden="1"/>
          <p:cNvSpPr txBox="1"/>
          <p:nvPr>
            <p:custDataLst>
              <p:tags r:id="rId144"/>
            </p:custDataLst>
          </p:nvPr>
        </p:nvSpPr>
        <p:spPr>
          <a:xfrm>
            <a:off x="6728293" y="28412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6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2" name="OTLSHAPE_T_06dce677117b4b7ab33c47b6352428d0_EndDate" hidden="1"/>
          <p:cNvSpPr txBox="1"/>
          <p:nvPr>
            <p:custDataLst>
              <p:tags r:id="rId145"/>
            </p:custDataLst>
          </p:nvPr>
        </p:nvSpPr>
        <p:spPr>
          <a:xfrm>
            <a:off x="7825243" y="28412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8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3" name="OTLSHAPE_T_06dce677117b4b7ab33c47b6352428d0_JoinedDate"/>
          <p:cNvSpPr txBox="1"/>
          <p:nvPr>
            <p:custDataLst>
              <p:tags r:id="rId146"/>
            </p:custDataLst>
          </p:nvPr>
        </p:nvSpPr>
        <p:spPr>
          <a:xfrm>
            <a:off x="6316440" y="1491847"/>
            <a:ext cx="825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>
                <a:solidFill>
                  <a:srgbClr val="FF0000"/>
                </a:solidFill>
                <a:latin typeface="Arial"/>
              </a:rPr>
              <a:t>Jan 5 - Feb 15</a:t>
            </a:r>
          </a:p>
        </p:txBody>
      </p:sp>
      <p:sp>
        <p:nvSpPr>
          <p:cNvPr id="124" name="OTLSHAPE_T_06dce677117b4b7ab33c47b6352428d0_Title"/>
          <p:cNvSpPr txBox="1"/>
          <p:nvPr>
            <p:custDataLst>
              <p:tags r:id="rId147"/>
            </p:custDataLst>
          </p:nvPr>
        </p:nvSpPr>
        <p:spPr>
          <a:xfrm>
            <a:off x="127000" y="1484544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rgbClr val="EA16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-4  </a:t>
            </a:r>
          </a:p>
        </p:txBody>
      </p:sp>
      <p:sp>
        <p:nvSpPr>
          <p:cNvPr id="135" name="OTLSHAPE_T_e5d07ea2b0f54e5cb94b62aec323e59a_Duration" hidden="1"/>
          <p:cNvSpPr txBox="1"/>
          <p:nvPr>
            <p:custDataLst>
              <p:tags r:id="rId148"/>
            </p:custDataLst>
          </p:nvPr>
        </p:nvSpPr>
        <p:spPr>
          <a:xfrm>
            <a:off x="12700" y="-36498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10 days</a:t>
            </a:r>
          </a:p>
        </p:txBody>
      </p:sp>
      <p:sp>
        <p:nvSpPr>
          <p:cNvPr id="136" name="OTLSHAPE_T_e5d07ea2b0f54e5cb94b62aec323e59a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137" name="OTLSHAPE_T_e5d07ea2b0f54e5cb94b62aec323e59a_StartDate" hidden="1"/>
          <p:cNvSpPr txBox="1"/>
          <p:nvPr>
            <p:custDataLst>
              <p:tags r:id="rId150"/>
            </p:custDataLst>
          </p:nvPr>
        </p:nvSpPr>
        <p:spPr>
          <a:xfrm>
            <a:off x="7463213" y="32508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b="1" spc="-8">
              <a:solidFill>
                <a:srgbClr val="1AAA4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8" name="OTLSHAPE_T_e5d07ea2b0f54e5cb94b62aec323e59a_EndDate" hidden="1"/>
          <p:cNvSpPr txBox="1"/>
          <p:nvPr>
            <p:custDataLst>
              <p:tags r:id="rId151"/>
            </p:custDataLst>
          </p:nvPr>
        </p:nvSpPr>
        <p:spPr>
          <a:xfrm>
            <a:off x="8125600" y="32508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b="1" spc="-4">
              <a:solidFill>
                <a:srgbClr val="1AAA4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9" name="OTLSHAPE_T_e5d07ea2b0f54e5cb94b62aec323e59a_JoinedDate"/>
          <p:cNvSpPr txBox="1"/>
          <p:nvPr>
            <p:custDataLst>
              <p:tags r:id="rId152"/>
            </p:custDataLst>
          </p:nvPr>
        </p:nvSpPr>
        <p:spPr>
          <a:xfrm>
            <a:off x="8203898" y="1683299"/>
            <a:ext cx="838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4">
                <a:solidFill>
                  <a:srgbClr val="1AAA42"/>
                </a:solidFill>
                <a:latin typeface="Arial"/>
              </a:rPr>
              <a:t>Feb 16 - Mar 1</a:t>
            </a:r>
            <a:endParaRPr lang="en-GB" sz="1000" b="1" spc="-4" dirty="0">
              <a:solidFill>
                <a:srgbClr val="1AAA42"/>
              </a:solidFill>
              <a:latin typeface="Arial"/>
            </a:endParaRPr>
          </a:p>
        </p:txBody>
      </p:sp>
      <p:sp>
        <p:nvSpPr>
          <p:cNvPr id="140" name="OTLSHAPE_T_e5d07ea2b0f54e5cb94b62aec323e59a_Title"/>
          <p:cNvSpPr txBox="1"/>
          <p:nvPr>
            <p:custDataLst>
              <p:tags r:id="rId153"/>
            </p:custDataLst>
          </p:nvPr>
        </p:nvSpPr>
        <p:spPr>
          <a:xfrm>
            <a:off x="6850408" y="1690602"/>
            <a:ext cx="1016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ion Sessions</a:t>
            </a:r>
          </a:p>
        </p:txBody>
      </p:sp>
      <p:sp>
        <p:nvSpPr>
          <p:cNvPr id="16" name="OTLSHAPE_T_b8291b0ec7604400ac51d0c04d327dc8_Duration" hidden="1"/>
          <p:cNvSpPr txBox="1"/>
          <p:nvPr>
            <p:custDataLst>
              <p:tags r:id="rId154"/>
            </p:custDataLst>
          </p:nvPr>
        </p:nvSpPr>
        <p:spPr>
          <a:xfrm>
            <a:off x="12700" y="-233521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1 day</a:t>
            </a:r>
          </a:p>
        </p:txBody>
      </p:sp>
      <p:sp>
        <p:nvSpPr>
          <p:cNvPr id="17" name="OTLSHAPE_T_b8291b0ec7604400ac51d0c04d327dc8_StartDate" hidden="1"/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0" name="OTLSHAPE_T_b8291b0ec7604400ac51d0c04d327dc8_EndDate" hidden="1"/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1" name="OTLSHAPE_T_b8291b0ec7604400ac51d0c04d327dc8_Title"/>
          <p:cNvSpPr txBox="1"/>
          <p:nvPr>
            <p:custDataLst>
              <p:tags r:id="rId157"/>
            </p:custDataLst>
          </p:nvPr>
        </p:nvSpPr>
        <p:spPr>
          <a:xfrm>
            <a:off x="7387963" y="1875196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10">
                <a:solidFill>
                  <a:schemeClr val="dk1"/>
                </a:solidFill>
                <a:latin typeface="Calibri"/>
              </a:rPr>
              <a:t>Calibration Test</a:t>
            </a:r>
          </a:p>
        </p:txBody>
      </p:sp>
      <p:sp>
        <p:nvSpPr>
          <p:cNvPr id="22" name="OTLSHAPE_T_b8291b0ec7604400ac51d0c04d327dc8_JoinedDate"/>
          <p:cNvSpPr txBox="1"/>
          <p:nvPr>
            <p:custDataLst>
              <p:tags r:id="rId158"/>
            </p:custDataLst>
          </p:nvPr>
        </p:nvSpPr>
        <p:spPr>
          <a:xfrm>
            <a:off x="8272979" y="186744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rgbClr val="44546A"/>
                </a:solidFill>
                <a:latin typeface="Calibri"/>
              </a:rPr>
              <a:t>Mar 2 - Mar 5</a:t>
            </a:r>
          </a:p>
        </p:txBody>
      </p:sp>
      <p:sp>
        <p:nvSpPr>
          <p:cNvPr id="23" name="OTLSHAPE_T_b8291b0ec7604400ac51d0c04d327dc8_TextPercentage" hidden="1"/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1018" name="OTLSHAPE_M_11c6d8e377f1413088ddafb24cb5a0f2_Shape"/>
          <p:cNvSpPr/>
          <p:nvPr>
            <p:custDataLst>
              <p:tags r:id="rId160"/>
            </p:custDataLst>
          </p:nvPr>
        </p:nvSpPr>
        <p:spPr>
          <a:xfrm>
            <a:off x="2270483" y="2539364"/>
            <a:ext cx="228600" cy="254000"/>
          </a:xfrm>
          <a:prstGeom prst="chevron">
            <a:avLst>
              <a:gd name="adj" fmla="val 30000"/>
            </a:avLst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" name="OTLSHAPE_M_11c6d8e377f1413088ddafb24cb5a0f2_Title"/>
          <p:cNvSpPr txBox="1"/>
          <p:nvPr>
            <p:custDataLst>
              <p:tags r:id="rId161"/>
            </p:custDataLst>
          </p:nvPr>
        </p:nvSpPr>
        <p:spPr>
          <a:xfrm>
            <a:off x="1647823" y="2225674"/>
            <a:ext cx="1485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encement of classes</a:t>
            </a:r>
          </a:p>
        </p:txBody>
      </p:sp>
      <p:sp>
        <p:nvSpPr>
          <p:cNvPr id="19" name="OTLSHAPE_M_11c6d8e377f1413088ddafb24cb5a0f2_Date"/>
          <p:cNvSpPr txBox="1"/>
          <p:nvPr>
            <p:custDataLst>
              <p:tags r:id="rId162"/>
            </p:custDataLst>
          </p:nvPr>
        </p:nvSpPr>
        <p:spPr>
          <a:xfrm>
            <a:off x="2238690" y="2382519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b="1" spc="-1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r 1</a:t>
            </a:r>
            <a:endParaRPr lang="en-GB" sz="900" b="1" spc="-10" dirty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61" name="Flowchart: Punched Tape 1060"/>
          <p:cNvSpPr/>
          <p:nvPr/>
        </p:nvSpPr>
        <p:spPr>
          <a:xfrm>
            <a:off x="6797577" y="116632"/>
            <a:ext cx="2127955" cy="926991"/>
          </a:xfrm>
          <a:prstGeom prst="flowChartPunchedTap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2" name="TextBox 1061"/>
          <p:cNvSpPr txBox="1"/>
          <p:nvPr/>
        </p:nvSpPr>
        <p:spPr>
          <a:xfrm>
            <a:off x="6878889" y="256961"/>
            <a:ext cx="194498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b="1" u="sng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chedule : 2022-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38082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hart 3"/>
          <p:cNvGraphicFramePr/>
          <p:nvPr>
            <p:extLst>
              <p:ext uri="{D42A27DB-BD31-4B8C-83A1-F6EECF244321}">
                <p14:modId xmlns:p14="http://schemas.microsoft.com/office/powerpoint/2010/main" val="2661774569"/>
              </p:ext>
            </p:extLst>
          </p:nvPr>
        </p:nvGraphicFramePr>
        <p:xfrm>
          <a:off x="1524000" y="1397000"/>
          <a:ext cx="6576392" cy="48403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-36512" y="-11759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UBJECT OVERVIEW</a:t>
            </a:r>
            <a:endParaRPr lang="en-GB" sz="3600" b="1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277945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YLLABU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="" xmlns:a16="http://schemas.microsoft.com/office/drawing/2014/main" id="{70EF4928-B45D-4B82-BE47-801FCEA4F13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052736"/>
            <a:ext cx="5272507" cy="2160240"/>
          </a:xfrm>
          <a:prstGeom prst="rect">
            <a:avLst/>
          </a:prstGeom>
        </p:spPr>
      </p:pic>
      <p:graphicFrame>
        <p:nvGraphicFramePr>
          <p:cNvPr id="5" name="Table 5">
            <a:extLst>
              <a:ext uri="{FF2B5EF4-FFF2-40B4-BE49-F238E27FC236}">
                <a16:creationId xmlns="" xmlns:a16="http://schemas.microsoft.com/office/drawing/2014/main" id="{151243C0-1B23-4A6C-BF47-1F742E6163B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12603213"/>
              </p:ext>
            </p:extLst>
          </p:nvPr>
        </p:nvGraphicFramePr>
        <p:xfrm>
          <a:off x="5364088" y="1032638"/>
          <a:ext cx="3624064" cy="4023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27772">
                  <a:extLst>
                    <a:ext uri="{9D8B030D-6E8A-4147-A177-3AD203B41FA5}">
                      <a16:colId xmlns="" xmlns:a16="http://schemas.microsoft.com/office/drawing/2014/main" val="2112316507"/>
                    </a:ext>
                  </a:extLst>
                </a:gridCol>
                <a:gridCol w="3096292">
                  <a:extLst>
                    <a:ext uri="{9D8B030D-6E8A-4147-A177-3AD203B41FA5}">
                      <a16:colId xmlns="" xmlns:a16="http://schemas.microsoft.com/office/drawing/2014/main" val="3877210688"/>
                    </a:ext>
                  </a:extLst>
                </a:gridCol>
              </a:tblGrid>
              <a:tr h="306034">
                <a:tc gridSpan="2"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Class - VIII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/>
                      <a:endParaRPr lang="en-IN" dirty="0"/>
                    </a:p>
                  </a:txBody>
                  <a:tcPr anchor="ctr"/>
                </a:tc>
                <a:extLst>
                  <a:ext uri="{0D108BD9-81ED-4DB2-BD59-A6C34878D82A}">
                    <a16:rowId xmlns="" xmlns:a16="http://schemas.microsoft.com/office/drawing/2014/main" val="1090307633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S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Chapter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="" xmlns:a16="http://schemas.microsoft.com/office/drawing/2014/main" val="2869711393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Rational Numb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708897175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Linear Equations in one variabl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009685814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Understanding quadrilateral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3816994165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V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Practical Geomet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872793276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V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Data Handl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3122077992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V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 err="1"/>
                        <a:t>Squares,Cubes</a:t>
                      </a:r>
                      <a:r>
                        <a:rPr lang="en-IN" sz="1600" dirty="0"/>
                        <a:t>, Cube roo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62158691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V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Algebraic expression &amp; Identit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4014093342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VI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Mensur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4073821475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X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Direct &amp; Inverse Proportion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885520123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X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Factoris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589928213"/>
                  </a:ext>
                </a:extLst>
              </a:tr>
            </a:tbl>
          </a:graphicData>
        </a:graphic>
      </p:graphicFrame>
      <p:graphicFrame>
        <p:nvGraphicFramePr>
          <p:cNvPr id="6" name="Table 5">
            <a:extLst>
              <a:ext uri="{FF2B5EF4-FFF2-40B4-BE49-F238E27FC236}">
                <a16:creationId xmlns="" xmlns:a16="http://schemas.microsoft.com/office/drawing/2014/main" id="{5CDF73A3-8834-4696-91C5-A809FA96081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46474555"/>
              </p:ext>
            </p:extLst>
          </p:nvPr>
        </p:nvGraphicFramePr>
        <p:xfrm>
          <a:off x="521803" y="3363033"/>
          <a:ext cx="4228899" cy="329184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15854">
                  <a:extLst>
                    <a:ext uri="{9D8B030D-6E8A-4147-A177-3AD203B41FA5}">
                      <a16:colId xmlns="" xmlns:a16="http://schemas.microsoft.com/office/drawing/2014/main" val="2112316507"/>
                    </a:ext>
                  </a:extLst>
                </a:gridCol>
                <a:gridCol w="3613045">
                  <a:extLst>
                    <a:ext uri="{9D8B030D-6E8A-4147-A177-3AD203B41FA5}">
                      <a16:colId xmlns="" xmlns:a16="http://schemas.microsoft.com/office/drawing/2014/main" val="3877210688"/>
                    </a:ext>
                  </a:extLst>
                </a:gridCol>
              </a:tblGrid>
              <a:tr h="182187">
                <a:tc gridSpan="2"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Class - VII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/>
                      <a:endParaRPr lang="en-IN" dirty="0"/>
                    </a:p>
                  </a:txBody>
                  <a:tcPr anchor="ctr"/>
                </a:tc>
                <a:extLst>
                  <a:ext uri="{0D108BD9-81ED-4DB2-BD59-A6C34878D82A}">
                    <a16:rowId xmlns="" xmlns:a16="http://schemas.microsoft.com/office/drawing/2014/main" val="1090307633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S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Chapter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="" xmlns:a16="http://schemas.microsoft.com/office/drawing/2014/main" val="2869711393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Fractions &amp; Decimal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708897175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Simple Equation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009685814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Data Handl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3816994165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V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 Triangle &amp; Propert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872793276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V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Congruence of Triangl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3122077992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V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 Comparing quantit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62158691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V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Practical Geomet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4014093342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VI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Perimeter &amp; Are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4073821475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X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Algebraic Expression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885520123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X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Exponents &amp; Pow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5899282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283620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YLLABU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="" xmlns:a16="http://schemas.microsoft.com/office/drawing/2014/main" id="{A8743E8A-BC70-473F-8397-BB3E41683C80}"/>
              </a:ext>
            </a:extLst>
          </p:cNvPr>
          <p:cNvSpPr txBox="1"/>
          <p:nvPr/>
        </p:nvSpPr>
        <p:spPr>
          <a:xfrm>
            <a:off x="827584" y="1052736"/>
            <a:ext cx="7488832" cy="5586145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effectLst>
            <a:glow rad="139700">
              <a:schemeClr val="accent2">
                <a:satMod val="175000"/>
                <a:alpha val="40000"/>
              </a:schemeClr>
            </a:glow>
          </a:effectLst>
        </p:spPr>
        <p:txBody>
          <a:bodyPr wrap="square" rtlCol="0">
            <a:spAutoFit/>
          </a:bodyPr>
          <a:lstStyle/>
          <a:p>
            <a:pPr algn="ctr"/>
            <a:r>
              <a:rPr lang="en-US" sz="1400" b="1" u="sng" dirty="0">
                <a:solidFill>
                  <a:srgbClr val="FF0000"/>
                </a:solidFill>
              </a:rPr>
              <a:t>Class 6 – Mathematics - Syllabus Mathematics</a:t>
            </a:r>
          </a:p>
          <a:p>
            <a:r>
              <a:rPr lang="en-US" sz="1050" dirty="0"/>
              <a:t>Chapter 1: Knowing our Numbers • Comparing Numbers </a:t>
            </a:r>
          </a:p>
          <a:p>
            <a:endParaRPr lang="en-US" sz="1050" dirty="0"/>
          </a:p>
          <a:p>
            <a:r>
              <a:rPr lang="en-US" sz="1050" dirty="0"/>
              <a:t>Chapter 2: Whole Numbers • Whole Numbers • The Number Line • Properties of Whole Numbers • Patterns in Whole Numbers </a:t>
            </a:r>
          </a:p>
          <a:p>
            <a:endParaRPr lang="en-US" sz="1050" dirty="0"/>
          </a:p>
          <a:p>
            <a:r>
              <a:rPr lang="en-US" sz="1050" dirty="0"/>
              <a:t>Chapter 3: Playing with Numbers • Factors and Multiples • Prime and Composite Numbers • Tests for Divisibility of Numbers • Common Factors and Common Multiples • Some More Divisibility Rules • Prime </a:t>
            </a:r>
            <a:r>
              <a:rPr lang="en-US" sz="1050" dirty="0" err="1"/>
              <a:t>Factorisation</a:t>
            </a:r>
            <a:r>
              <a:rPr lang="en-US" sz="1050" dirty="0"/>
              <a:t> • Highest Common Factor • Lowest Common Multiple • Some Problems on HCF and LCM </a:t>
            </a:r>
          </a:p>
          <a:p>
            <a:endParaRPr lang="en-US" sz="1050" dirty="0"/>
          </a:p>
          <a:p>
            <a:r>
              <a:rPr lang="en-US" sz="1050" dirty="0"/>
              <a:t>Chapter 4: Basic Geometrical Ideas • Points • A Line Segment • A Line • Intersecting Lines • Parallel Lines • Ray • Curves • Polygons • Angles • Triangles • Quadrilaterals • Circles </a:t>
            </a:r>
          </a:p>
          <a:p>
            <a:endParaRPr lang="en-US" sz="1050" dirty="0"/>
          </a:p>
          <a:p>
            <a:r>
              <a:rPr lang="en-US" sz="1050" dirty="0"/>
              <a:t>Chapter 5: Understanding Elementary Shapes • Measuring Line Segments • Angles – ‘Right’ and ‘Straight’ • Angles – ‘Acute’, ‘Obtuse’ and ‘Reflex’ • Measuring Angles • Perpendicular Lines • Classification of Triangles • Quadrilaterals • Polygons • Three Dimensional Shapes </a:t>
            </a:r>
          </a:p>
          <a:p>
            <a:endParaRPr lang="en-US" sz="1050" dirty="0"/>
          </a:p>
          <a:p>
            <a:r>
              <a:rPr lang="en-US" sz="1050" dirty="0"/>
              <a:t>Chapter 6: Integers • Integers • Addition of Integers • Subtraction of Integers with the help of a Number Line </a:t>
            </a:r>
          </a:p>
          <a:p>
            <a:endParaRPr lang="en-US" sz="1050" dirty="0"/>
          </a:p>
          <a:p>
            <a:r>
              <a:rPr lang="en-US" sz="1050" dirty="0"/>
              <a:t>Chapter 7: Fractions • A Fraction • Fraction on the Number Line • Proper Fractions • Improper and Mixed Fractions • Equivalent Fractions • Simplest Form of a Fraction • Like Fractions • Comparing Fractions • Addition and Subtraction of Fractions </a:t>
            </a:r>
          </a:p>
          <a:p>
            <a:endParaRPr lang="en-US" sz="1050" dirty="0"/>
          </a:p>
          <a:p>
            <a:r>
              <a:rPr lang="en-US" sz="1050" dirty="0"/>
              <a:t>Chapter 8: Decimals • Tenths • Hundredths • Comparing Decimals • Using Decimals • Addition of Numbers with Decimals • Subtraction of Decimals </a:t>
            </a:r>
          </a:p>
          <a:p>
            <a:endParaRPr lang="en-US" sz="1050" dirty="0"/>
          </a:p>
          <a:p>
            <a:r>
              <a:rPr lang="en-US" sz="1050" dirty="0"/>
              <a:t>Chapter 9: Data Handling • Recording Data • </a:t>
            </a:r>
            <a:r>
              <a:rPr lang="en-US" sz="1050" dirty="0" err="1"/>
              <a:t>Organisation</a:t>
            </a:r>
            <a:r>
              <a:rPr lang="en-US" sz="1050" dirty="0"/>
              <a:t> of Data • Pictograph • Interpretation of a Pictograph • Drawing a Pictograph • A Bar Graph </a:t>
            </a:r>
          </a:p>
          <a:p>
            <a:endParaRPr lang="en-US" sz="1050" dirty="0"/>
          </a:p>
          <a:p>
            <a:r>
              <a:rPr lang="en-US" sz="1050" dirty="0"/>
              <a:t>Chapter 10: Mensuration • Perimeter • Area </a:t>
            </a:r>
          </a:p>
          <a:p>
            <a:r>
              <a:rPr lang="en-US" sz="1050" dirty="0"/>
              <a:t>Chapter 11: Algebra • Matchstick Patterns • The Idea of a Variable • More Matchstick Patterns • More Examples of Variables • Use of Variables in Common Rules • Expressions with Variables • Using Expressions Practically • What is an Equation? • Solution of an Equation </a:t>
            </a:r>
          </a:p>
          <a:p>
            <a:endParaRPr lang="en-US" sz="1050" dirty="0"/>
          </a:p>
          <a:p>
            <a:r>
              <a:rPr lang="en-US" sz="1050" dirty="0"/>
              <a:t>Chapter 12: Ratio and Proportion • Ratio • Proportion • Unitary Method </a:t>
            </a:r>
          </a:p>
          <a:p>
            <a:r>
              <a:rPr lang="en-US" sz="1050" dirty="0"/>
              <a:t>Chapter 13: Symmetry </a:t>
            </a:r>
            <a:endParaRPr lang="en-IN" sz="1050" dirty="0"/>
          </a:p>
        </p:txBody>
      </p:sp>
    </p:spTree>
    <p:extLst>
      <p:ext uri="{BB962C8B-B14F-4D97-AF65-F5344CB8AC3E}">
        <p14:creationId xmlns:p14="http://schemas.microsoft.com/office/powerpoint/2010/main" val="510111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UALE CHART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="" xmlns:a16="http://schemas.microsoft.com/office/drawing/2014/main" id="{4068EE4B-FBEE-4911-9B5A-DF7D921EF59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64087" y="1088465"/>
            <a:ext cx="3604817" cy="1705814"/>
          </a:xfrm>
          <a:prstGeom prst="rect">
            <a:avLst/>
          </a:prstGeom>
          <a:ln>
            <a:solidFill>
              <a:schemeClr val="accent1"/>
            </a:solidFill>
          </a:ln>
          <a:effectLst>
            <a:glow rad="139700">
              <a:schemeClr val="accent3">
                <a:satMod val="175000"/>
                <a:alpha val="40000"/>
              </a:schemeClr>
            </a:glow>
          </a:effectLst>
        </p:spPr>
      </p:pic>
      <p:pic>
        <p:nvPicPr>
          <p:cNvPr id="7" name="Picture 6">
            <a:extLst>
              <a:ext uri="{FF2B5EF4-FFF2-40B4-BE49-F238E27FC236}">
                <a16:creationId xmlns="" xmlns:a16="http://schemas.microsoft.com/office/drawing/2014/main" id="{B24133CC-7FD9-4DCB-B04E-87830027AFE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contrast="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364088" y="2996952"/>
            <a:ext cx="3604816" cy="3672992"/>
          </a:xfrm>
          <a:prstGeom prst="rect">
            <a:avLst/>
          </a:prstGeom>
          <a:effectLst>
            <a:glow rad="139700">
              <a:schemeClr val="accent2">
                <a:satMod val="175000"/>
                <a:alpha val="40000"/>
              </a:schemeClr>
            </a:glow>
          </a:effectLst>
        </p:spPr>
      </p:pic>
      <p:pic>
        <p:nvPicPr>
          <p:cNvPr id="9" name="Picture 8">
            <a:extLst>
              <a:ext uri="{FF2B5EF4-FFF2-40B4-BE49-F238E27FC236}">
                <a16:creationId xmlns="" xmlns:a16="http://schemas.microsoft.com/office/drawing/2014/main" id="{B02EC401-DACE-41A6-989A-20EB441D971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contrast="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323528" y="1229533"/>
            <a:ext cx="4176464" cy="5321967"/>
          </a:xfrm>
          <a:prstGeom prst="rect">
            <a:avLst/>
          </a:prstGeom>
          <a:effectLst>
            <a:glow rad="139700">
              <a:schemeClr val="accent6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34566992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ACTICE SHEETS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="" xmlns:a16="http://schemas.microsoft.com/office/drawing/2014/main" id="{696C6A21-C7AC-40BF-8A68-0DB4E7294934}"/>
              </a:ext>
            </a:extLst>
          </p:cNvPr>
          <p:cNvPicPr>
            <a:picLocks noChangeAspect="1"/>
          </p:cNvPicPr>
          <p:nvPr/>
        </p:nvPicPr>
        <p:blipFill>
          <a:blip r:embed="rId2">
            <a:duotone>
              <a:prstClr val="black"/>
              <a:schemeClr val="accent3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273515" y="1991784"/>
            <a:ext cx="4783518" cy="458393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="" xmlns:a16="http://schemas.microsoft.com/office/drawing/2014/main" id="{A6609CB8-197E-4E6F-9275-85B47B10B7AF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20000" contrast="2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4405989" y="1052736"/>
            <a:ext cx="4464496" cy="5094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4215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1ZDA3YTE1OC0wYjJkLTQyYzAtYjBiNy1mNWMyZDI4NThmNTAiLCJJbmRleCI6MCwiR3JvdXBJZCI6bnVsbCwiVGl0bGUiOiJSZWdpc3RyYXRpb25zIFdpbmRvdyIsIkRhdGVUaW1lIjoiMjAyMi0wMi0xNVQyMzo1OTowMFoiLCJQZXJjZW50YWdlQ29tcGxldGUiOm51bGwsIk5vdGUiOm51bGwsIlN0eWxlIjp7IiRpZCI6IjYiLCJUaXRsZVBvc2l0aW9uIjoiUmlnaHQiLCJEYXRlUG9zaXRpb24iOiJCZWxvdyIsIlNoYXBlVHlwZSI6MCwiU2hhcGVTaXplIjox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1NSwiRyI6MTkyLCJCIjow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5LCJGb250TmFtZSI6IkFyaWFsIiwiSXNCb2xkIjp0cnVlLCJJc0l0YWxpYyI6ZmFsc2UsIklzVW5kZXJsaW5lZCI6ZmFsc2UsIlBhcmVudFN0eWxlIjpudWxsfSwiQXV0b1NpemUiOjAsIkZvcmVncm91bmQiOnsiJGlkIjoiMTciLCJDb2xvciI6eyIkaWQiOiIx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RGF0ZVN0eWxlIjp7IiRpZCI6IjIzIiwiRm9udFNldHRpbmdzIjp7IiRpZCI6IjI0IiwiRm9udFNpemUiOjksIkZvbnROYW1lIjoiQXJpYWwiLCJJc0JvbGQiOnRydWUsIklzSXRhbGljIjpmYWxzZSwiSXNVbmRlcmxpbmVkIjpmYWxzZSwiUGFyZW50U3R5bGUiOm51bGx9LCJBdXRvU2l6ZSI6MiwiRm9yZWdyb3VuZCI6eyIkaWQiOiIyNSIsIkNvbG9yIjp7IiRpZCI6IjI2IiwiQSI6MjU1LCJSIjowLCJHIjozMiwiQiI6OTZ9fSwiTWF4V2lkdGgiOjMzLjYyNzU1OTY2MTg2NTIzN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4OSwiUiI6MCwiRyI6MCwiQiI6MH19LCJJc1Zpc2libGUiOnRydWUsIldpZHRoIjowLjAsIkhlaWdodCI6MC4wLCJCb3JkZXJTdHlsZSI6bnVsbCwiUGFyZW50U3R5bGUiOm51bGx9LCJEYXRlRm9ybWF0Ijp7IiRpZCI6I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yIiwiQ29sb3IiOnsiJGlkIjoiNTMiLCJBIjo4OSwiUiI6MCwiRyI6MCwiQiI6MH19LCJJc1Zpc2libGUiOnRydWUsIldpZHRoIjowLjAsIkhlaWdodCI6MC4wLCJCb3JkZXJTdHlsZSI6bnVsbCwiUGFyZW50U3R5bGUiOm51bGx9LCJEYXRlRm9ybWF0Ijp7IiRpZCI6Ij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OSwiRm9udE5hbWUiOiJBcmlhbCIsIklzQm9sZCI6dHJ1ZSwiSXNJdGFsaWMiOmZhbHNlLCJJc1VuZGVybGluZWQiOmZhbHNlLCJQYXJlbnRTdHlsZSI6bnVsbH0sIkF1dG9TaXplIjoyLCJGb3JlZ3JvdW5kIjp7IiRpZCI6IjY3IiwiQ29sb3IiOnsiJGlkIjoiNjgiLCJBIjoyNTUsIlIiOjAsIkciOjAsIkIiOjB9fSwiTWF4V2lkdGgiOjEzNi41OTMzODM3ODkwNjI1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3NSIsIkNvbG9yIjp7IiRpZCI6Ijc2IiwiQSI6ODksIlIiOjAsIkciOjAsIkIiOjB9fSwiSXNWaXNpYmxlIjp0cnVlLCJXaWR0aCI6MC4wLCJIZWlnaHQiOjAuMCwiQm9yZGVyU3R5bGUiOm51bGwsIlBhcmVudFN0eWxlIjpudWxsfSwiRGF0ZUZvcm1hdCI6eyIkaWQiOi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C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4NiIsIkNvbG9yIjp7IiRpZCI6IjE4NyIsIkEiOjg5LCJSIjowLCJHIjowLCJCIjowfX0sIklzVmlzaWJsZSI6dHJ1ZSwiV2lkdGgiOjAuMCwiSGVpZ2h0IjowLjAsIkJvcmRlclN0eWxlIjpudWxsLCJQYXJlbnRTdHlsZSI6bnVsbH0sIkRhdGVGb3JtYXQiOnsiJGlkIjoi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S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UaXRsZVN0eWxlIjp7IiRpZCI6IjE5OSIsIkZvbnRTZXR0aW5ncyI6eyIkaWQiOiIyMDAiLCJGb250U2l6ZSI6MTAsIkZvbnROYW1lIjoiQXJpYWwiLCJJc0JvbGQiOnRydWUsIklzSXRhbGljIjpmYWxzZSwiSXNVbmRlcmxpbmVkIjpmYWxzZSwiUGFyZW50U3R5bGUiOm51bGx9LCJBdXRvU2l6ZSI6MCwiRm9yZWdyb3VuZCI6eyIkaWQiOiIyMDEiLCJDb2xvciI6eyIkaWQiOiIyM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yMDkiLCJDb2xvciI6eyIkaWQiOiIyMTAiLCJBIjo4OSwiUiI6MCwiRyI6MCwiQiI6MH19LCJJc1Zpc2libGUiOnRydWUsIldpZHRoIjowLjAsIkhlaWdodCI6MC4wLCJCb3JkZXJTdHlsZSI6bnVsbCwiUGFyZW50U3R5bGUiOm51bGx9LCJEYXRlRm9ybWF0Ijp7IiRpZCI6IjI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I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ksIkZvbnROYW1lIjoiQ2FsaWJyaSIsIklzQm9sZCI6dHJ1ZSwiSXNJdGFsaWMiOmZhbHNlLCJJc1VuZGVybGluZWQiOmZhbHNlLCJQYXJlbnRTdHlsZSI6bnVsbH0sIkF1dG9TaXplIjowLCJGb3JlZ3JvdW5kIjp7IiRpZCI6IjIzMCIsIkNvbG9yIjp7IiRpZCI6IjIzMSIsIkEiOjI1NSwiUiI6MjM0LCJHIjoyMiwiQiI6Mz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MyIiwiQ29sb3IiOnsiJGlkIjoiMjMzIiwiQSI6ODksIlIiOjAsIkciOjAsIkIiOjB9fSwiSXNWaXNpYmxlIjp0cnVlLCJXaWR0aCI6MC4wLCJIZWlnaHQiOjAuMCwiQm9yZGVyU3R5bGUiOm51bGwsIlBhcmVudFN0eWxlIjpudWxsfSwiRGF0ZUZvcm1hdCI6eyIkaWQiOiIy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1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yNTUiLCJDb2xvciI6eyIkaWQiOiIyNTYiLCJBIjo4OSwiUiI6MCwiRyI6MCwiQiI6MH19LCJJc1Zpc2libGUiOnRydWUsIldpZHRoIjowLjAsIkhlaWdodCI6MC4wLCJCb3JkZXJTdHlsZSI6bnVsbCwiUGFyZW50U3R5bGUiOm51bGx9LCJEYXRlRm9ybWF0Ijp7IiRpZCI6Ij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g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eyIkaWQiOiIzNzIiLCJDb2xvciI6eyIkcmVmIjoiMzY1In19LCJJc1Zpc2libGUiOnRydWUsIldpZHRoIjowLjAsIkhlaWdodCI6MC4wLCJCb3JkZXJTdHlsZSI6bnVsbCwiUGFyZW50U3R5bGUiOm51bGx9LCJEYXRlRm9ybWF0Ijp7IiRpZCI6IjM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Q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HJlZiI6IjM2NCJ9LCJJc1Zpc2libGUiOnRydWUsIldpZHRoIjowLjAsIkhlaWdodCI6MC4wLCJCb3JkZXJTdHlsZSI6bnVsbCwiUGFyZW50U3R5bGUiOm51bGx9LCJEYXRlU3R5bGUiOnsiJGlkIjoiNTc4IiwiRm9udFNldHRpbmdzIjp7IiRpZCI6IjU3OSIsIkZvbnRTaXplIjo5LCJGb250TmFtZSI6IkNhbGlicmkiLCJJc0JvbGQiOmZhbHNlLCJJc0l0YWxpYyI6ZmFsc2UsIklzVW5kZXJsaW5lZCI6ZmFsc2UsIlBhcmVudFN0eWxlIjpudWxsfSwiQXV0b1NpemUiOjAsIkZvcmVncm91bmQiOnsiJGlkIjoiNTgwIiwiQ29sb3IiOnsiJGlkIjoiNT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cmVmIjoiMzY1In19LCJJc1Zpc2libGUiOnRydWUsIldpZHRoIjowLjAsIkhlaWdodCI6MC4wLCJCb3JkZXJTdHlsZSI6bnVsbCwiUGFyZW50U3R5bGUiOm51bGx9LCJEdXJhdGlvblN0eWxlIjp7IiRpZCI6IjU5MyIsIkZvbnRTZXR0aW5ncyI6eyIkaWQiOiI1OTQiLCJGb250U2l6ZSI6MTAsIkZvbnROYW1lIjoiQ2FsaWJyaSIsIklzQm9sZCI6ZmFsc2UsIklzSXRhbGljIjpmYWxzZSwiSXNVbmRlcmxpbmVkIjpmYWxzZSwiUGFyZW50U3R5bGUiOm51bGx9LCJBdXRvU2l6ZSI6MCwiRm9yZWdyb3VuZCI6eyIkaWQiOiI1OTUiLCJDb2xvciI6eyIkaWQiOiI1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NSIsIlRvcCI6MC4wLCJMZWZ0IjowLjAsIlJpZ2h0IjowLjAsIkJvdHRvbSI6MC4wfSwiUGFkZGluZyI6eyIkaWQiOiI2MjYiLCJUb3AiOjAuMCwiTGVmdCI6MC4wLCJSaWdodCI6MC4wLCJCb3R0b20iOjAuMH0sIkJhY2tncm91bmQiOnsiJGlkIjoiNjI3IiwiQ29sb3IiOnsiJHJlZiI6IjM2NSJ9fSwiSXNWaXNpYmxlIjp0cnVlLCJXaWR0aCI6MC4wLCJIZWlnaHQiOjAuMCwiQm9yZGVyU3R5bGUiOm51bGwsIlBhcmVudFN0eWxlIjpudWxsfSwiRGF0ZUZvcm1hdCI6eyIkaWQiOiI2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5IiwiRm9ybWF0IjowLCJJc1Zpc2libGUiOmZhbHNlLCJMYXN0S25vd25WaXNpYmlsaXR5U3RhdGUiOmZhbHNlfSwiSXNWaXNpYmxlIjp0cnVlLCJQYXJlbnRTdHlsZSI6bnVsbCwiX2V4cGxpY2l0bHlTZXQiOnsiJGlkIjoiNj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k3In0sIlBhZGRpbmciOnsiJHJlZiI6IjU5OCJ9LCJCYWNrZ3JvdW5kIjp7IiRpZCI6IjY4NyIsIkNvbG9yIjp7IiRyZWYiOiI2ODEifX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ZGNzk2NDZcIixcIiNGRjFBQUE0MlwiLFwiI0ZGRkVCQTBBXCIsXCIjRkZFQTE2MUVcIl0ifSwiU2V0dGluZ3MiOnsiJGlkIjoiMTAzNSIsIkltcGFPcHRpb25zIjp7IiRpZCI6IjEwMz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QzpcXFVzZXJzXFxhZG1pblxcT25lRHJpdmVcXERlc2t0b3BcXDJ1dG9ydmVyc2VcXDJ1dG9ydmVyc2UgLSBTY2gueGxzeCIsIlRpbWVDb25maWd1cmF0aW9uIjp7IiRpZCI6IjEwMzciLCJVc2VUaW1lIjpmYWxzZSwiV29ya0RheVN0YXJ0IjoiMDA6MDA6MDAiLCJXb3JrRGF5RW5kIjoiMjM6NTk6MDAifSwiTGFzdFVzZWRUZW1wbGF0ZUlkIjoiNzA5YjM1NDktNDlhMC00ZTU4LWJhNTctZmRiOTE4OTNiNjQ4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mencement of classes"/>
  <p:tag name="OTLPOSITIONONTASK" val="None"/>
  <p:tag name="OTLRELATEDTASKID" val="00000000-0000-0000-0000-000000000000"/>
  <p:tag name="OTLDATE" val="2022-04-01T23:59:00.0000000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Phases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03-11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gistrations Window"/>
  <p:tag name="OTLDATE" val="2022-02-15T23:59:00.0000000"/>
  <p:tag name="OTLPOSITIONONTASK" val="None"/>
  <p:tag name="OTLRELATEDTASKID" val="00000000-0000-0000-0000-00000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Zero Test for Foundation"/>
  <p:tag name="OTLMARKERSHAPE" val="OTL"/>
  <p:tag name="OTLDATE" val="2022-03-30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rientation Session"/>
  <p:tag name="OTLPOSITIONONTASK" val="None"/>
  <p:tag name="OTLRELATEDTASKID" val="00000000-0000-0000-0000-000000000000"/>
  <p:tag name="OTLDATE" val="2022-03-27T23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essment : Level-1"/>
  <p:tag name="OTLPOSITIONONTASK" val="None"/>
  <p:tag name="OTLRELATEDTASKID" val="00000000-0000-0000-0000-000000000000"/>
  <p:tag name="OTLDATE" val="2022-07-01T23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essment : Level-2"/>
  <p:tag name="OTLPOSITIONONTASK" val="None"/>
  <p:tag name="OTLRELATEDTASKID" val="00000000-0000-0000-0000-000000000000"/>
  <p:tag name="OTLDATE" val="2022-09-16T23:5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essment : Level-3"/>
  <p:tag name="OTLPOSITIONONTASK" val="None"/>
  <p:tag name="OTLRELATEDTASKID" val="00000000-0000-0000-0000-000000000000"/>
  <p:tag name="OTLDATE" val="2022-12-15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essment : Level-4"/>
  <p:tag name="OTLDATE" val="2023-02-16T23:59:00.0000000"/>
  <p:tag name="OTLPOSITIONONTASK" val="None"/>
  <p:tag name="OTLRELATEDTASKID" val="00000000-0000-0000-0000-00000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-Finals"/>
  <p:tag name="OTLPOSITIONONTASK" val="None"/>
  <p:tag name="OTLRELATEDTASKID" val="00000000-0000-0000-0000-000000000000"/>
  <p:tag name="OTLDATE" val="2023-02-28T23:59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s"/>
  <p:tag name="OTLPOSITIONONTASK" val="None"/>
  <p:tag name="OTLRELATEDTASKID" val="00000000-0000-0000-0000-000000000000"/>
  <p:tag name="OTLDATE" val="2023-03-03T23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TARTDATE" val="2022-04-01T00:00:00.0000000Z"/>
  <p:tag name="OTLENDDATE" val="2022-07-01T23:59:00.0000000Z"/>
  <p:tag name="OTLSHAPETHICKNESSTYPE" val="Thin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5-15T00:00:00.0000000Z"/>
  <p:tag name="OTLENDDATE" val="2022-06-15T23:59:00.0000000Z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7-15T00:00:00.0000000Z"/>
  <p:tag name="OTLENDDATE" val="2022-09-15T23:59:00.0000000Z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10-02T00:00:00.0000000Z"/>
  <p:tag name="OTLENDDATE" val="2022-10-11T23:59:00.0000000Z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TARTDATE" val="2022-10-12T00:00:00.0000000Z"/>
  <p:tag name="OTLENDDATE" val="2022-12-10T23:59:00.0000000Z"/>
  <p:tag name="OTLSHAPETHICKNESSTYPE" val="Thin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12-24T00:00:00.0000000Z"/>
  <p:tag name="OTLENDDATE" val="2023-01-04T23:59:00.0000000Z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2-15T23:59:00.0000000"/>
  <p:tag name="OTLDURATIONFORMAT" val="day"/>
  <p:tag name="OTLSPACING" val="3"/>
  <p:tag name="OTLSHAPETHICKNESSTYPE" val="Thin"/>
  <p:tag name="OTLSTARTDATE" val="2023-01-05T00:00:00.0000000Z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2-16T00:00:00.0000000Z"/>
  <p:tag name="OTLENDDATE" val="2023-03-01T23:59:00.0000000Z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02T23:59:00.0000000Z"/>
  <p:tag name="OTLENDDATE" val="2023-03-05T23:59:00.0000000Z"/>
  <p:tag name="OTLDURATIONFORMAT" val="day"/>
  <p:tag name="OTLSPACING" val="3"/>
  <p:tag name="OTLSHAPETHICKNESSTYPE" val="Thin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55</TotalTime>
  <Words>683</Words>
  <Application>Microsoft Office PowerPoint</Application>
  <PresentationFormat>On-screen Show (4:3)</PresentationFormat>
  <Paragraphs>171</Paragraphs>
  <Slides>19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0" baseType="lpstr">
      <vt:lpstr>Office Theme</vt:lpstr>
      <vt:lpstr>PowerPoint Presentation</vt:lpstr>
      <vt:lpstr>PREVIEW</vt:lpstr>
      <vt:lpstr>TUTORING PATTERNS</vt:lpstr>
      <vt:lpstr>PowerPoint Presentation</vt:lpstr>
      <vt:lpstr>SUBJECT OVERVIEW</vt:lpstr>
      <vt:lpstr>SYLLABUS</vt:lpstr>
      <vt:lpstr>SYLLABUS</vt:lpstr>
      <vt:lpstr>FORMUALE CHARTS</vt:lpstr>
      <vt:lpstr>PRACTICE SHEETS</vt:lpstr>
      <vt:lpstr>PRACTICE SHEETS</vt:lpstr>
      <vt:lpstr>REVISION NOTES</vt:lpstr>
      <vt:lpstr>REVISION NOTES</vt:lpstr>
      <vt:lpstr>ASSESSMENT TESTS</vt:lpstr>
      <vt:lpstr>ASSESSMENT TESTS</vt:lpstr>
      <vt:lpstr>PERFORMANCE ANALYSIS</vt:lpstr>
      <vt:lpstr>WAY AHEAD</vt:lpstr>
      <vt:lpstr>LOOKING BEYOND</vt:lpstr>
      <vt:lpstr>COMMUNICATION</vt:lpstr>
      <vt:lpstr> GOOD WISHES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dmin</dc:creator>
  <cp:lastModifiedBy>admin</cp:lastModifiedBy>
  <cp:revision>28</cp:revision>
  <dcterms:created xsi:type="dcterms:W3CDTF">2022-03-18T02:42:07Z</dcterms:created>
  <dcterms:modified xsi:type="dcterms:W3CDTF">2022-03-26T20:45:54Z</dcterms:modified>
</cp:coreProperties>
</file>